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pivotTables/pivotTable3.xml" ContentType="application/vnd.openxmlformats-officedocument.spreadsheetml.pivotTable+xml"/>
  <Override PartName="/xl/pivotTables/pivotTable4.xml" ContentType="application/vnd.openxmlformats-officedocument.spreadsheetml.pivotTable+xml"/>
  <Override PartName="/xl/drawings/drawing1.xml" ContentType="application/vnd.openxmlformats-officedocument.drawing+xml"/>
  <Override PartName="/xl/pivotTables/pivotTable5.xml" ContentType="application/vnd.openxmlformats-officedocument.spreadsheetml.pivotTable+xml"/>
  <Override PartName="/xl/pivotTables/pivotTable6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https://aepenergy.sharepoint.com/sites/RegulatoryServices/OPCO/Kentucky Power/Regulatory Base Cases/Kentucky Base Case 2025/04 Testimony - Direct &amp; Application/Jessee/Workpapers/"/>
    </mc:Choice>
  </mc:AlternateContent>
  <xr:revisionPtr revIDLastSave="26" documentId="8_{9882DF61-8BEF-4BC1-B3AD-E2981CC62B00}" xr6:coauthVersionLast="47" xr6:coauthVersionMax="47" xr10:uidLastSave="{DF036405-5C14-4498-99AE-9377207DCBF6}"/>
  <bookViews>
    <workbookView xWindow="-120" yWindow="-120" windowWidth="29040" windowHeight="15720" firstSheet="4" activeTab="6" xr2:uid="{0F2B9C3A-FA2C-453C-9F6F-4A6BC350B5EA}"/>
  </bookViews>
  <sheets>
    <sheet name="RAJ-2" sheetId="8" r:id="rId1"/>
    <sheet name="Non-Labor RAJ-2 Pivot" sheetId="5" r:id="rId2"/>
    <sheet name="Other Power Supply Pivot" sheetId="7" r:id="rId3"/>
    <sheet name="Pivot Renewable Accts" sheetId="6" r:id="rId4"/>
    <sheet name="Pivot Dashboard Compare" sheetId="4" r:id="rId5"/>
    <sheet name="Plant Pivot by Acct Grp" sheetId="3" r:id="rId6"/>
    <sheet name="Plant Pivot by Prj Type" sheetId="2" r:id="rId7"/>
  </sheets>
  <calcPr calcId="191029"/>
  <pivotCaches>
    <pivotCache cacheId="0" r:id="rId8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7" i="8" l="1"/>
  <c r="E7" i="8"/>
  <c r="D7" i="8"/>
  <c r="C7" i="8"/>
</calcChain>
</file>

<file path=xl/sharedStrings.xml><?xml version="1.0" encoding="utf-8"?>
<sst xmlns="http://schemas.openxmlformats.org/spreadsheetml/2006/main" count="361" uniqueCount="124">
  <si>
    <t>Account Grouping</t>
  </si>
  <si>
    <t>(Multiple Items)</t>
  </si>
  <si>
    <t>Includes 5/12th of CY 2028</t>
  </si>
  <si>
    <t>Calendar 2029</t>
  </si>
  <si>
    <t>Calendar 2030</t>
  </si>
  <si>
    <t>Actuals</t>
  </si>
  <si>
    <t>Update Q2</t>
  </si>
  <si>
    <t>Sum of Amt $</t>
  </si>
  <si>
    <t>Year Ending May</t>
  </si>
  <si>
    <t>Plant</t>
  </si>
  <si>
    <t>Labor</t>
  </si>
  <si>
    <t>Prj Typ Grp</t>
  </si>
  <si>
    <t>Grand Total</t>
  </si>
  <si>
    <t>Big Sandy Plant</t>
  </si>
  <si>
    <t>Internal Labor</t>
  </si>
  <si>
    <t>Non Labor</t>
  </si>
  <si>
    <t>BCO</t>
  </si>
  <si>
    <t>Cap Wk</t>
  </si>
  <si>
    <t>FO</t>
  </si>
  <si>
    <t>NOMI</t>
  </si>
  <si>
    <t>OO</t>
  </si>
  <si>
    <t>OTH</t>
  </si>
  <si>
    <t>PO</t>
  </si>
  <si>
    <t>Non Labor Total</t>
  </si>
  <si>
    <t>Big Sandy Plant Total</t>
  </si>
  <si>
    <t>Mitchell Plant</t>
  </si>
  <si>
    <t>Mitchell Plant Total</t>
  </si>
  <si>
    <t>Non Plant</t>
  </si>
  <si>
    <t>Non Plant Total</t>
  </si>
  <si>
    <t>Steam Maint</t>
  </si>
  <si>
    <t>Steam Ops</t>
  </si>
  <si>
    <t>Other Pwr Sup</t>
  </si>
  <si>
    <t>Solar/Wind Maint</t>
  </si>
  <si>
    <t>Solar/Wind Ops</t>
  </si>
  <si>
    <t>Acct Grp Witness Dash</t>
  </si>
  <si>
    <t>Nuclear Power Operating</t>
  </si>
  <si>
    <t>Other Ops</t>
  </si>
  <si>
    <t>Nuclear Power Operating Total</t>
  </si>
  <si>
    <t>Other Power Maintenance</t>
  </si>
  <si>
    <t>Other Maint</t>
  </si>
  <si>
    <t>Other Power Maintenance Total</t>
  </si>
  <si>
    <t>Other Power Operating</t>
  </si>
  <si>
    <t>Other Power Operating Total</t>
  </si>
  <si>
    <t>Other Power Supply</t>
  </si>
  <si>
    <t>Other Power Supply Total</t>
  </si>
  <si>
    <t>Solar &amp; Wind O&amp;M</t>
  </si>
  <si>
    <t>Solar &amp; Wind O&amp;M Total</t>
  </si>
  <si>
    <t>Steam Maintenance</t>
  </si>
  <si>
    <t>Steam Maintenance Total</t>
  </si>
  <si>
    <t>Steam Operation</t>
  </si>
  <si>
    <t>Consumables</t>
  </si>
  <si>
    <t>Steam Operation Total</t>
  </si>
  <si>
    <t>Prod O&amp;M Excluding Consumables</t>
  </si>
  <si>
    <t>Includes Consumables</t>
  </si>
  <si>
    <t>O&amp;M Account</t>
  </si>
  <si>
    <t>Solar/Wind Maint Total</t>
  </si>
  <si>
    <t>Solar/Wind Ops Total</t>
  </si>
  <si>
    <t>Project</t>
  </si>
  <si>
    <t>CFOCAPPRJ    CFO CAPITAL PROJECTS</t>
  </si>
  <si>
    <t>FAN102853    Labor Accrual Project</t>
  </si>
  <si>
    <t>BUDTRKTBD    Budget Adjustments</t>
  </si>
  <si>
    <t>WSX112283    Non-Billable Organizational Pl</t>
  </si>
  <si>
    <t>Benefiting Loc</t>
  </si>
  <si>
    <t>1021    All Regulated Companies</t>
  </si>
  <si>
    <t>1469    Generation - All Companies</t>
  </si>
  <si>
    <t>1436    Transmission - All Companies</t>
  </si>
  <si>
    <t>Cost Component</t>
  </si>
  <si>
    <t>780    AEPSC Bill</t>
  </si>
  <si>
    <t>5581900    Maint Wind Turb Struct&amp;Eq-Mjr</t>
  </si>
  <si>
    <t>5587000    Maint Solar Pnl Strct &amp; Eq-Mjr</t>
  </si>
  <si>
    <t>5581000    Oper Supervision &amp; Engineering</t>
  </si>
  <si>
    <t>5581300    Oper Supervision &amp; Engineering</t>
  </si>
  <si>
    <t>5581400    Wind Turb Gen&amp;Oth Plnt Op-Mjr</t>
  </si>
  <si>
    <t>5582000    Solar Panel Gen&amp;Oth Plt Op-Mjr</t>
  </si>
  <si>
    <t>000001075    Non Regulated Fuels Accounting</t>
  </si>
  <si>
    <t>000001585    O&amp;M / Fuel Staff Project</t>
  </si>
  <si>
    <t>AEPLEADER    AEP Leadership Devel Programs</t>
  </si>
  <si>
    <t>BCMPGMGOV    BCM Program Governance</t>
  </si>
  <si>
    <t>BUDOFFSET    Budget Reductions/Offsets</t>
  </si>
  <si>
    <t>CHNANDA    Chairman Anda</t>
  </si>
  <si>
    <t>CRPPLGRSK    CFO Risk Calibration project</t>
  </si>
  <si>
    <t>ETNANDA    Transmission Anda</t>
  </si>
  <si>
    <t>FANANDA    Activity NOT assoc with a PROJ</t>
  </si>
  <si>
    <t>FHGTARGET    FHG calibration</t>
  </si>
  <si>
    <t>GLNANDA    General Ledger Expense</t>
  </si>
  <si>
    <t>ITSSV0003    IT Shared Services Blanket</t>
  </si>
  <si>
    <t>LGNANDA    Legal/Policy/Cc Anda</t>
  </si>
  <si>
    <t>SEVERANCE    General Severances</t>
  </si>
  <si>
    <t>SSHRNANDA    Accumulate Gen &amp; Admin HR Exp</t>
  </si>
  <si>
    <t>SSITNANDA    Accumulate Gen _ Admin IT Exp</t>
  </si>
  <si>
    <t>WSN100526    Comm Operations Staff Project</t>
  </si>
  <si>
    <t>WSNANDA    Generation ANDA</t>
  </si>
  <si>
    <t>WSXRENEWC    Renewable Capital Staff Budget</t>
  </si>
  <si>
    <t>WSXRENEWO    Renewable O&amp;M Staff Budget</t>
  </si>
  <si>
    <t>X00116796    Regulatory Development</t>
  </si>
  <si>
    <t>Other Pwr Sup Total</t>
  </si>
  <si>
    <t>1267    Mitchell Plant Unit 0</t>
  </si>
  <si>
    <t>1022    Generation - All Companies Reg</t>
  </si>
  <si>
    <t>1060    All Companies</t>
  </si>
  <si>
    <t>1006    Gen - All Cos except Nuclear</t>
  </si>
  <si>
    <t>110    KP Distribution</t>
  </si>
  <si>
    <t>117    KYPCO Generation</t>
  </si>
  <si>
    <t>1171    All Companies Excl Serv Corp</t>
  </si>
  <si>
    <t>1176    Generation - All East Cos</t>
  </si>
  <si>
    <t>1318    Transmission - All East Cos</t>
  </si>
  <si>
    <t>1552    All Reg Gen Cos excld Nuclear</t>
  </si>
  <si>
    <t>1632    Dist All Cos-Retail Cust Only</t>
  </si>
  <si>
    <t>1002    Generation-All East Excl Card</t>
  </si>
  <si>
    <t>1062    All Operating Cos All Bus Unit</t>
  </si>
  <si>
    <t>180    KYPCO Transmission</t>
  </si>
  <si>
    <t>5370001    Fish &amp; Wildlife Facilities</t>
  </si>
  <si>
    <t>5370002    Recreation Facilities</t>
  </si>
  <si>
    <t>5390000    Misc Hydr Power Generation Exp</t>
  </si>
  <si>
    <t>5560000    Sys Control &amp; Load Dispatching</t>
  </si>
  <si>
    <t>5570000    Other Expenses</t>
  </si>
  <si>
    <t>5570007    Other Pwr Exp - Wholesale RECs</t>
  </si>
  <si>
    <t>5570010    OH Auction Exp - Incremental</t>
  </si>
  <si>
    <t>5570025    MATL-SAFETY</t>
  </si>
  <si>
    <t>RAJ-2: Test Year Kentucky Power Non-Fuel, Non-Consumables, Non-Labor Test Year Generation O&amp;M*</t>
  </si>
  <si>
    <t>Category</t>
  </si>
  <si>
    <t>Non-Plant</t>
  </si>
  <si>
    <t>Total</t>
  </si>
  <si>
    <t>Total:</t>
  </si>
  <si>
    <t xml:space="preserve">             * Total may not sum due to roundin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0"/>
    <numFmt numFmtId="165" formatCode="#,##0;\(#,##0\)"/>
    <numFmt numFmtId="166" formatCode="_(* #,##0_);_(* \(#,##0\);_(* &quot;-&quot;??_);_(@_)"/>
    <numFmt numFmtId="167" formatCode="&quot;$&quot;#,##0"/>
  </numFmts>
  <fonts count="4" x14ac:knownFonts="1">
    <font>
      <sz val="11"/>
      <color theme="1"/>
      <name val="Times New Roman"/>
      <family val="2"/>
    </font>
    <font>
      <sz val="10"/>
      <color theme="1"/>
      <name val="Tahoma"/>
      <family val="2"/>
    </font>
    <font>
      <sz val="11"/>
      <color theme="1"/>
      <name val="Times New Roman"/>
      <family val="2"/>
    </font>
    <font>
      <b/>
      <sz val="11"/>
      <color theme="1"/>
      <name val="Aptos Narrow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44" fontId="2" fillId="0" borderId="0" applyFont="0" applyFill="0" applyBorder="0" applyAlignment="0" applyProtection="0"/>
  </cellStyleXfs>
  <cellXfs count="18">
    <xf numFmtId="0" fontId="0" fillId="0" borderId="0" xfId="0"/>
    <xf numFmtId="0" fontId="1" fillId="0" borderId="0" xfId="1"/>
    <xf numFmtId="0" fontId="1" fillId="0" borderId="0" xfId="1" applyAlignment="1">
      <alignment horizontal="center"/>
    </xf>
    <xf numFmtId="43" fontId="1" fillId="0" borderId="0" xfId="1" applyNumberFormat="1"/>
    <xf numFmtId="166" fontId="1" fillId="0" borderId="0" xfId="1" applyNumberFormat="1"/>
    <xf numFmtId="0" fontId="0" fillId="0" borderId="0" xfId="0" pivotButton="1"/>
    <xf numFmtId="43" fontId="0" fillId="0" borderId="0" xfId="0" applyNumberFormat="1"/>
    <xf numFmtId="0" fontId="0" fillId="0" borderId="0" xfId="0" applyAlignment="1">
      <alignment horizontal="left"/>
    </xf>
    <xf numFmtId="0" fontId="3" fillId="2" borderId="2" xfId="0" applyFont="1" applyFill="1" applyBorder="1" applyAlignment="1">
      <alignment horizontal="center"/>
    </xf>
    <xf numFmtId="0" fontId="3" fillId="2" borderId="2" xfId="0" applyFont="1" applyFill="1" applyBorder="1" applyAlignment="1">
      <alignment horizontal="center" wrapText="1"/>
    </xf>
    <xf numFmtId="0" fontId="0" fillId="0" borderId="2" xfId="0" applyBorder="1"/>
    <xf numFmtId="0" fontId="3" fillId="2" borderId="2" xfId="0" applyFont="1" applyFill="1" applyBorder="1" applyAlignment="1">
      <alignment horizontal="right"/>
    </xf>
    <xf numFmtId="167" fontId="0" fillId="0" borderId="2" xfId="2" applyNumberFormat="1" applyFont="1" applyBorder="1" applyAlignment="1">
      <alignment horizontal="center"/>
    </xf>
    <xf numFmtId="43" fontId="0" fillId="0" borderId="0" xfId="0" applyNumberFormat="1" applyAlignment="1">
      <alignment horizontal="center"/>
    </xf>
    <xf numFmtId="167" fontId="0" fillId="2" borderId="2" xfId="2" applyNumberFormat="1" applyFont="1" applyFill="1" applyBorder="1" applyAlignment="1">
      <alignment horizontal="center"/>
    </xf>
    <xf numFmtId="0" fontId="0" fillId="0" borderId="0" xfId="0" applyAlignment="1">
      <alignment horizont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</cellXfs>
  <cellStyles count="3">
    <cellStyle name="Currency" xfId="2" builtinId="4"/>
    <cellStyle name="Normal" xfId="0" builtinId="0"/>
    <cellStyle name="Normal 2" xfId="1" xr:uid="{C3F34505-53BE-4BA9-BBC4-90A2FAE94D5F}"/>
  </cellStyles>
  <dxfs count="6">
    <dxf>
      <numFmt numFmtId="35" formatCode="_(* #,##0.00_);_(* \(#,##0.00\);_(* &quot;-&quot;??_);_(@_)"/>
    </dxf>
    <dxf>
      <numFmt numFmtId="35" formatCode="_(* #,##0.00_);_(* \(#,##0.00\);_(* &quot;-&quot;??_);_(@_)"/>
    </dxf>
    <dxf>
      <numFmt numFmtId="166" formatCode="_(* #,##0_);_(* \(#,##0\);_(* &quot;-&quot;??_);_(@_)"/>
    </dxf>
    <dxf>
      <numFmt numFmtId="35" formatCode="_(* #,##0.00_);_(* \(#,##0.00\);_(* &quot;-&quot;??_);_(@_)"/>
    </dxf>
    <dxf>
      <numFmt numFmtId="35" formatCode="_(* #,##0.00_);_(* \(#,##0.00\);_(* &quot;-&quot;??_);_(@_)"/>
    </dxf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pivotCacheDefinition" Target="pivotCache/pivotCacheDefinition1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17" Type="http://schemas.openxmlformats.org/officeDocument/2006/relationships/customXml" Target="../customXml/item5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4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0</xdr:colOff>
      <xdr:row>3</xdr:row>
      <xdr:rowOff>0</xdr:rowOff>
    </xdr:from>
    <xdr:to>
      <xdr:col>8</xdr:col>
      <xdr:colOff>428100</xdr:colOff>
      <xdr:row>17</xdr:row>
      <xdr:rowOff>161621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3B0A1DC4-9F22-4A21-A592-D71687B4CA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010400" y="485775"/>
          <a:ext cx="4200000" cy="2428571"/>
        </a:xfrm>
        <a:prstGeom prst="rect">
          <a:avLst/>
        </a:prstGeom>
      </xdr:spPr>
    </xdr:pic>
    <xdr:clientData/>
  </xdr:twoCellAnchor>
</xdr:wsDr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01995\Desktop\KYPCo%20Gen%20OM%20for%202025%20Base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201995" refreshedDate="45840.402124305554" createdVersion="8" refreshedVersion="8" minRefreshableVersion="3" recordCount="141078" xr:uid="{E2DD1547-FFA3-4DBF-8653-EB98D7FB80AD}">
  <cacheSource type="worksheet">
    <worksheetSource ref="A1:BR141079" sheet="Detail List" r:id="rId2"/>
  </cacheSource>
  <cacheFields count="70">
    <cacheField name="Budget Category" numFmtId="0">
      <sharedItems/>
    </cacheField>
    <cacheField name="O&amp;M Account ID #" numFmtId="0">
      <sharedItems/>
    </cacheField>
    <cacheField name="Project Type ID #" numFmtId="0">
      <sharedItems/>
    </cacheField>
    <cacheField name="Benefiting Loc ID #" numFmtId="0">
      <sharedItems/>
    </cacheField>
    <cacheField name="ABM Activity" numFmtId="0">
      <sharedItems/>
    </cacheField>
    <cacheField name="Benefiting Loc" numFmtId="0">
      <sharedItems count="47">
        <s v="1267    Mitchell Plant Unit 0"/>
        <s v="1241    KYPCO All Bus Units"/>
        <s v="1176    Generation - All East Cos"/>
        <s v="117    KYPCO Generation"/>
        <s v="1096    Big Sandy Plant Unit 1"/>
        <s v="1469    Generation - All Companies"/>
        <s v="1006    Gen - All Cos except Nuclear"/>
        <s v="1257    Mitchell Plant Unit 1"/>
        <s v="1060    All Companies"/>
        <s v="1311    Mitchell Plant Unit 2"/>
        <s v="180    KYPCO Transmission"/>
        <s v="1125    Big Sandy Plant Unit 0"/>
        <s v="1022    Generation - All Companies Reg"/>
        <s v="1021    All Regulated Companies"/>
        <s v="1171    All Companies Excl Serv Corp"/>
        <s v="413    Wheeling Power Co - Generation"/>
        <s v="110    KP Distribution"/>
        <s v="BLANK  Benefiting Location"/>
        <s v="1924    All T&amp;D East Companies excludi"/>
        <s v="1318    Transmission - All East Cos"/>
        <s v="1552    All Reg Gen Cos excld Nuclear"/>
        <s v="1436    Transmission - All Companies"/>
        <s v="1590    I&amp;M Hydro Plants"/>
        <s v="1062    All Operating Cos All Bus Unit"/>
        <s v="1872    All Transm excld Transource Co"/>
        <s v="1935    Gen All Cos &amp; CSWE excl Nuc"/>
        <s v="1056    All Companies Excl AEP, Inc"/>
        <s v="1002    Generation-All East Excl Card"/>
        <s v="1468    Distribution - All Companies"/>
        <s v="1933    Trans/Transco/TrnsrcWV"/>
        <s v="1032    Trans &amp; Dist - All Companies"/>
        <s v="1140    Gen - All East Cos Fossil"/>
        <s v="1077    Trans &amp; Dist - All East Cos"/>
        <s v="1918    Trans All Cos excl TX/KG/JV"/>
        <s v="1068    Big Sandy Plant Unit 2"/>
        <s v="1846    Generation - APCO/I&amp;M/KYPCO"/>
        <s v="1925    All T&amp;D companies excl Trnsrce"/>
        <s v="1061    All East Oper Cos All Bus Unit"/>
        <s v="1389    Vertically Integrated Utilitie"/>
        <s v="1923    Trans East excl Transource"/>
        <s v="1934    Trans/Tcos/TsrcWV excl TX/ETT"/>
        <s v="1632    Dist All Cos-Retail Cust Only"/>
        <s v="1611    Ceredo Plant Unit 0"/>
        <s v="215    APCO Generation"/>
        <s v="1533    Rockport Plnt Unt 1 100pct AEG"/>
        <s v="1419    Wilkes Plant Unit 0"/>
        <s v="1368    Rockport Plant Unit 0"/>
      </sharedItems>
    </cacheField>
    <cacheField name="v_Earnings Offsets" numFmtId="0">
      <sharedItems/>
    </cacheField>
    <cacheField name="Project" numFmtId="0">
      <sharedItems count="586">
        <s v="MLPNNKAMM    KAMMER PROPERTY MODS"/>
        <s v="EDNANDA    Distribution Anda Project"/>
        <s v="X00116795    Env. Permit and Regulatory Sup"/>
        <s v="BS0000ENV    BCO Environmental Expenses"/>
        <s v="BS0SAFETY    BCO Safety and Fire Expenses"/>
        <s v="ML223FM01    ML2 Mat Hdlg Prc 2023 Fall Out"/>
        <s v="MLPVNVALV    ML V Valve Rpr &lt;6 Rpl FGD CPS"/>
        <s v="MLPMNCYOT    ML M Coal Yard Outage Work"/>
        <s v="APKYPENGR    APCO / KPCO Gen Engineering"/>
        <s v="X00116759    CEMS Support Services (O&amp;M)"/>
        <s v="MLPSNPLVP    ML S PULVRZR PARTS REBUILD O&amp;M"/>
        <s v="ML017VN02    ML V Crwn Clrfr Tanks Insp Rpr"/>
        <s v="ML125SM01    ML1 M Hdlg Prc Spring 2025 Out"/>
        <s v="ML118SN04    ML U1 PULV FEEDER INSP &amp;REPAIR"/>
        <s v="000001585    O&amp;M / Fuel Staff Project"/>
        <s v="MLPENSEWR    ML E Sewer Plt Filter Beds"/>
        <s v="CULTUREEN    Culture Enhancement"/>
        <s v="CRPPLGRSK    CFO Risk Calibration project"/>
        <s v="MLPVNCNTM    ML V Containment Sys Maint Rpr"/>
        <s v="MLPENCTRL    ML E Control Repairs"/>
        <s v="GLNANDA    General Ledger Expense"/>
        <s v="WSN100526    Comm Operations Staff Project"/>
        <s v="000001075    Non Regulated Fuels Accounting"/>
        <s v="GFRCO    Generation Forced Outage"/>
        <s v="MLPPDMOSH    MLP OSHA AND PDM WORK"/>
        <s v="MLPFLABOR    MLP LABOR FUEL HANDLING"/>
        <s v="WSBSBL004    Bs Base Payroll O&amp;M"/>
        <s v="WSNANDA    Generation ANDA"/>
        <s v="FORCEDOUT    F H FORCED OUTAGE PROJECT"/>
        <s v="MLPENROOF    ML E Roof Repairs"/>
        <s v="WSXRENEWO    Renewable O&amp;M Staff Budget"/>
        <s v="000001074    Regulated Fuels Accounting"/>
        <s v="WBSBCOROU    Big Sandy BCO Routine"/>
        <s v="MLPENPUMP    ML E Pump Repairs"/>
        <s v="BSU1GNRRO    BSU1 O_M Outage Non-Routine"/>
        <s v="MLPESTFRM    ML E Transformer TMMs"/>
        <s v="ML124EN01    REPAIR BFPT ROTOR REMOVED 2025"/>
        <s v="FANANDA    Activity NOT assoc with a PROJ"/>
        <s v="BSUXGNOMI    All BSP NOMI Projects"/>
        <s v="KPCIGCCEO    KPCO Deferred IGCC EO"/>
        <s v="BSU1GOMRO    BSU1 O &amp; M Outage Routine"/>
        <s v="MLPNNDFAM    MLP DRY FLY ASH MAINTENANCE"/>
        <s v="IIJAPRECI    IIJA Grant Writing"/>
        <s v="MLPOLABOR    MITCHELL LABOR OPERATIONS"/>
        <s v="MLPMNOTHR    ML M Other Matl Hdlg Repairs"/>
        <s v="CFOCAPPRJ    CFO CAPITAL PROJECTS"/>
        <s v="MLPMNCTRL    ML M MH Control Repairs"/>
        <s v="MLPFGDBCO    MLP FGD BCO"/>
        <s v="WSN102676    Supply Chain"/>
        <s v="MLPENPLUM    ML E Plumbing Repairs"/>
        <s v="MLPWBSALE    ML SALES OF WALLBOARD MATERIAL"/>
        <s v="HYLIMEADM    Procure Hydrated Lime"/>
        <s v="CLRNCPRMT    Clearance Permit Team Kick-Off"/>
        <s v="PROPROJ04    PRO Reliability Phase 4"/>
        <s v="MLPSNVALV    VALVE REPAIRS STEAM PROCESS"/>
        <s v="000014786    No Longer Needed Material"/>
        <s v="MLPENHYGN    ML E Industrial Hygiene Expens"/>
        <s v="ML123FS01    ML1 Steam Prc Fall 2023 Outage"/>
        <s v="MLPSNPLVI    MLP PULVERIZER INSPECTIONS"/>
        <s v="GENSAFMTG    General Safety Meeting"/>
        <s v="MLPROCHEM    Pretreatment and RO Chemistry"/>
        <s v="MLPVNPIPE    ML V Piping Repairs FGD CPS"/>
        <s v="MLPNNOTHR    MLP OTHER NOMI LUMPY"/>
        <s v="BSU1GFRCO    BSP U1 Root Cause Frcd Outage"/>
        <s v="MLPVNHEAT    ML V Heat Trace Rp FGD CPS DSI"/>
        <s v="GOMRO    O&amp;M Outage"/>
        <s v="MLPMNCONV    ML M Conveyor Repairs"/>
        <s v="WSX112283    Non-Billable Organizational Pl"/>
        <s v="KPCFEEDEO    KPCO FEED STUDY EO"/>
        <s v="AGENX    General Expense"/>
        <s v="MLPVNHDCL    ML V Hydroclone Repairs"/>
        <s v="ML1FORCED    ML1 FORCED OUTAGE CONTINGENCY"/>
        <s v="MLPVNPUMP    ML V Pump Repairs FGD CPS"/>
        <s v="SMTHDRIVG    Smith Driving Project"/>
        <s v="000004940    BSP U1 Opportunity Outage Work"/>
        <s v="MLPVNTNKS    ML V FGD CPS Tank Maint Rpr"/>
        <s v="MLPMNPUMP    ML M Pump Repairs Matl Hdlg"/>
        <s v="ML223FS01    ML2 Steam Prc Fall 2023 Outage"/>
        <s v="MLPENPIPE    ML E Piping Repairs"/>
        <s v="X00116782    Power Plant Operation Technica"/>
        <s v="DRGTESTRD    Drug Testing Random and Other"/>
        <s v="ML018MN07    ML MH HEAVY EQUIPMENT REPAIRS"/>
        <s v="MLPMNECRN    ML M ECrane Repairs"/>
        <s v="ML018VN16    ML V PIPING REPLACEMENT"/>
        <s v="MLPENFIRE    ML E Fire System Repairs"/>
        <s v="ML018SN02    ML S PRECIPITATOR &amp; RAPPER REP"/>
        <s v="X00116754    Landfill, Reservior Management"/>
        <s v="MLP18EN08    ML E LIGHTING &amp; ELECTRICAL REP"/>
        <s v="BLANK Project"/>
        <s v="CCRGWMONP    Plant CCR GW Monitoring"/>
        <s v="ML223FV01    ML2 Env Prc Fall 2023 Outage"/>
        <s v="MLPSNSTBL    MLP SOOTBLOWER REPAIRS"/>
        <s v="MLPSNOTHR    MLP OTHER STEAM"/>
        <s v="ML1VM1802    ML1 FGD STACK FIBERGLASS FLUE"/>
        <s v="ML125SS01    ML1 Steam Prc Spring 2025 Out"/>
        <s v="MLPMNPNTG    ML M Painting Struct Rpr MatlH"/>
        <s v="MLPSNCPIP    COAL PIPE REPAIRS"/>
        <s v="MLPSNPRIR    MLP PRECIP INSPECT &amp; REPAIR"/>
        <s v="MLPNNFIRE    ML N Fire Equip &amp; Sys Repairs"/>
        <s v="CULTUREAB    Employee Advisory Board"/>
        <s v="ML123FE01    ML1 Elect Prc Fall 2023 Outage"/>
        <s v="MLP18MN31    ML MH PAVING AND DUST SUPPRESS"/>
        <s v="ML018VN27    ML V ID FAN MAINTENANCE"/>
        <s v="MLBASEBCO    MITCHELL BCO"/>
        <s v="BUDOFFSET    Budget Reductions/Offsets"/>
        <s v="MLPENHVAC    ML E HVAC PM's Repairs"/>
        <s v="CONFSPACE    Confined Space Team - Reg"/>
        <s v="MLPVNGRBX    ML V Gearbox Repairs FGD CPS"/>
        <s v="MLPENBLDG    ML E Bldg Grounds Maint"/>
        <s v="BS2RRDREO    BS U2 Retirement Rider EO"/>
        <s v="MLPVNCAIR    ML V CPS Air Comp Maint"/>
        <s v="000001085    Central Machine shop-Redistrib"/>
        <s v="UREAADMIN    Procure Urea for AEP Plants"/>
        <s v="MLPENVTST    Annual Stack Air Quality Tests"/>
        <s v="MLPMNMBEQ    ML M Mobile Equip Repairs"/>
        <s v="MLPENDOOR    ML E Door Repairs"/>
        <s v="MSTCB    Major Event"/>
        <s v="ML224FV01    ML2 Env Prc Fall 2024 Out"/>
        <s v="MLPENCRAN    ML E Crane Inspect and Repair"/>
        <s v="000001586    Capital Staff Project"/>
        <s v="MLPVNDSIM    ML V DSI System Maintenance"/>
        <s v="X00116806    Flue Gas Testing"/>
        <s v="MLPVNCEMS    MLP ENV PRC CEMS SUPPORT"/>
        <s v="CARRPT001    Corporate Accountability Repor"/>
        <s v="ML217SN03    PRECIP INSPECTION &amp; REPAIR"/>
        <s v="ETNANDA    Transmission Anda"/>
        <s v="MLPCTCHEM    Cooling Tower Chemistry"/>
        <s v="ML018EN01    ML E PLUMBING REPAIRS"/>
        <s v="000001121    CORPORATE MEMBERSHIPS"/>
        <s v="MLPENMOTR    ML E Motor Repair &lt;10HP Rewind"/>
        <s v="MLP18EN22    ML E FIRE HEADER &amp; DELUGE PIPE"/>
        <s v="ML224FS01    ML2 Steam Prc Fall 2024 Out"/>
        <s v="X00116790    Training"/>
        <s v="MLPSNPUMP    MLP PUMP REPAIRS STEAM PROCESS"/>
        <s v="MLPMNMBCR    ML M Mobile Crane Repairs"/>
        <s v="MLPVNBALL    ML V FGD Ball Mill Inspect/Rpr"/>
        <s v="KMLMLPBCO    ML MITCHELL BCO"/>
        <s v="SSN100004    Ss Wholesale Other"/>
        <s v="ARCFLASHR    ARC Flash Policy Revision"/>
        <s v="MLP19EN13    ML REGULATING VALVE    I &amp; R"/>
        <s v="MLPMNDOOR    ML M Door Repairs Matl Hdlg"/>
        <s v="FHGTARGET    FHG calibration"/>
        <s v="MLP18SN05    ML MISC PULVRIZR PARTS REBUILD"/>
        <s v="SSITNANDA    Accumulate Gen _ Admin IT Exp"/>
        <s v="MLPVSOXBL    ML V OX AIRBLOWER REBUILDS"/>
        <s v="MLPENCLTW    ML E Cooling Tower Repairs"/>
        <s v="MLPVNFVAC    ML V FGD Vac Filter Cloth"/>
        <s v="MLPENWINT    ML E Plant Winterization"/>
        <s v="MLPSNPLVR    MLP PULVERIZER REPAIRS"/>
        <s v="ML2FORCED    ML2 FORCED OUTAGE CONTINGENCY"/>
        <s v="000024243    Gas Procurement  Big Sandy Plt"/>
        <s v="MLPNNSAFE    MLP SAFETY PROJECTS REPAIRS"/>
        <s v="RRLBRDBND    Consult on Broadband Projects"/>
        <s v="MLPENVALV    ML E Valve &lt;6 Rprs Repl"/>
        <s v="SECGUARDS    Security Guard Force FH Gen"/>
        <s v="ITSSV0003    IT Shared Services Blanket"/>
        <s v="FHGENLEAN    FH GEN LEAN"/>
        <s v="WBSBCO002    Big Sandy Lab BCO"/>
        <s v="MLPENSAFV    ML E Safety Vlv Insp Rep"/>
        <s v="MLPENREGV    ML E Reg Valve Insp Rep"/>
        <s v="ML223SN01    ML UNIT2 CHEMICAL CLEAN BOILER"/>
        <s v="ML124SS01    ML1 Steam Prc Spring 2024 Out"/>
        <s v="MLPASHDIS    MLP DRY FLYASH HAULING"/>
        <s v="ML124SN01    ML1 Non Prc Spring 2024 Out"/>
        <s v="ML218SN05    ML U2 PULV FEEDER INSP &amp;REPAIR"/>
        <s v="MLPVNOTHR    ML V Other FGD Repairs"/>
        <s v="MLPRSCHEM    MLP Recoverable Chemical Spend"/>
        <s v="SSNANDA    Shared Services Anda"/>
        <s v="MLPMNAIRC    ML M DFA Silo Air Compress PMs"/>
        <s v="MLPMNCHUT    ML M Chute Div Gate Repairs"/>
        <s v="MLWMPOTHR    ML M Other Non-Outage PPB"/>
        <s v="MLPENCOND    ML E Conduit and Cable Repairs"/>
        <s v="MLPMNBRGU    ML M Barge Unloader Repairs"/>
        <s v="MLPSNTECH    MLP STEAM TECH FIELD SRVC SUP"/>
        <s v="ML119VN01    RPL #11ID FAN OUTLET INTERNALS"/>
        <s v="MLPENBFPT    ML E BFPT ROTOR REPAIR/REBUILD"/>
        <s v="ML018VN10    ML V FGD VALVE REPAIRS AND REP"/>
        <s v="MLP20VN27    ML V ID FAN MAINTENANCE"/>
        <s v="ML1VM1801    ML1 V SCR DUCTWORK INSP HIGH V"/>
        <s v="MLPSNABCT    MLP AUX BLR COMBUSTION TUNING"/>
        <s v="MLPENWTWL    ML E Water Well Inspect Repair"/>
        <s v="MLPENRWMP    ML E RWMP Pump Inspection Repr"/>
        <s v="FHGENNERC    FHG Gen NERC Compliance"/>
        <s v="MLPENDEMN    ML E Demineralizer Repairs"/>
        <s v="MLPMNTOWB    ML M Tow Boat Repairs"/>
        <s v="MLPSNCTRL    MLP Steam Prc Control Repairs"/>
        <s v="MLPENVBCO    MITCHELL ENVIROMENTAL EXPENSES"/>
        <s v="ML018VN08    ML V FGD CPS CLEANING AND VACU"/>
        <s v="MLP18MN02    ML MH COAL YARD MINER VACATION"/>
        <s v="MLPEN1CLN    ML E Unit 1 Cleanup System"/>
        <s v="SEVERANCE    General Severances"/>
        <s v="BS0000LAB    BCO Lab Chemicals and Expenses"/>
        <s v="TDOANDA    T And D Other Anda"/>
        <s v="MLPMNPULL    ML M Pulley Repair Relag"/>
        <s v="MLPENASHP    ML E Ash Pump Maint Rprs"/>
        <s v="MLPENXFMR    ML E INSTRMNT XFRMR TESTING"/>
        <s v="MLPMNLGHT    ML M Lighting Rprs Matl Hdlg"/>
        <s v="MLPMNWEED    ML M Weed Control"/>
        <s v="MLPBCOBCO    MITCHELL BCO"/>
        <s v="MLPENLGHT    ML E Lighting Repairs"/>
        <s v="ML123FV01    ML1 Env Prc Fall 2023 Outage"/>
        <s v="MLPVNHCYL    ML V ID Fan Hydlc Cylndr Repr"/>
        <s v="MLPMNHSTF    ML M HS TUNNEL FIRE REPAIRS"/>
        <s v="MLWPC0ELG    ML PCC U0 ELG/CCR Compliance"/>
        <s v="MLPENPTRT    ML E Pre Trtmnt Pump Maint Rpr"/>
        <s v="MLPMNGARD    ML M Conveyor Guarding"/>
        <s v="ML223EN01    GENERATOR FIP INSPECTION"/>
        <s v="MLPMNPROJ    MLP M Matl Hdlg Special Prjs"/>
        <s v="MLPMNDAMD    ML M Dam and Dike Insp Rep"/>
        <s v="CDLMVRCHK    CDL Motor Vehicle Reports"/>
        <s v="ML219SN02    PRECIPITATOR CABLE TRAY REPAIR"/>
        <s v="ITGENF117    ML GENFH ESOMS UPGRADE"/>
        <s v="ML118SN08    ECONOMIZER INSPECTION &amp; REPAIR"/>
        <s v="FLTADJIRC    Fleet Adjustment IRC"/>
        <s v="MLPENCONP    ML E Condensate Pump Maint Rpr"/>
        <s v="MLPNNNERC    MLP NERC WORK"/>
        <s v="GNOMI    Nomi"/>
        <s v="MLPSNMOTR    MLP MOTOR REPAIRS STEAM"/>
        <s v="MLP18EN14    ML E MOTOR CLEANING REPAIRS"/>
        <s v="ML217SN05    TREATMENT AH BOILER WASH WATER"/>
        <s v="MLPSNBOIL    MLP S Mn Boiler Insp Rpr Mnt"/>
        <s v="MLPSNPIPE    MLP PIPING REPAIRS STEAM"/>
        <s v="MLPMNSCRP    ML M Belt Scraper Maintenance"/>
        <s v="MLPMNHEVY    ML M Heavy Equip Repairs"/>
        <s v="X00116796    Regulatory Development"/>
        <s v="TSCREDITM    Tech Serv O&amp;M Offset Credit"/>
        <s v="X00116803    Plant O&amp;M Related Analyses"/>
        <s v="WSN103325    T- O&amp;M Reg Kepco Gen"/>
        <s v="MLPVNIDFN    ML V ID Fan Maintenance"/>
        <s v="ML018VN29    ML V FGD AIR COMPRESSOR REBUIL"/>
        <s v="ML119VN08    ML1 V ID FAN INSPECTION"/>
        <s v="MLPENENVR    ML E Environmental Repairs"/>
        <s v="P17CC1028    KgPCo  - Local T Projects"/>
        <s v="ML125SV01    ML1 Env Prc Spring 2025 Out"/>
        <s v="MLRENTBCO    Annual BCO Trailer Rentals"/>
        <s v="MLPVNELEC    ML V Electrical Rprs FGD CPS"/>
        <s v="MLPNRCHEM    MLP Non-Recoverable Chemicals"/>
        <s v="LGNANDA    Legal/Policy/Cc Anda"/>
        <s v="ML120FE01    ML U1 Fall Outage Electrical"/>
        <s v="WBSBCOCTR    Big Sandy BCO Contracts/POs"/>
        <s v="MLPSNPRPD    MLP PRECIP DUCT REPAIRS"/>
        <s v="ML118VN02    ML1-FGD OUTAGE WORK"/>
        <s v="ML017EN49    ML E RO MEMBRANE REPLACEMENT"/>
        <s v="ML217SN04    BOILER INSPECTION &amp; REPAIR"/>
        <s v="ML217VN01    INSULATE #21&amp;#22 ID FAN BARREL"/>
        <s v="MLPNNLEAD    MLP LEAD ABATEMENT"/>
        <s v="ML224FN01    ML2 Non Prc Fall 2024 Out"/>
        <s v="MLBWCCHEM    Boiler Water Cycle Chemistry"/>
        <s v="MLPMNPAVD    ML M Paving Road Work Dust Sup"/>
        <s v="MLPSNSCAF    MLP STEAM PROCESS SCAFFOLD"/>
        <s v="MLPVNLSTN    ML V Limestone Silo Feeder Rpr"/>
        <s v="MLPSTKRNS    MLP STOCK RETURNS"/>
        <s v="MLPEN2CLN    ML E Unit 2 Cleanup System"/>
        <s v="ML018VN17    ML V CPS FILTER PRESS CLOTH RE"/>
        <s v="MLPMNGRBX    ML M Gearbox Repairs Matl Hdlg"/>
        <s v="CHNANDA    Chairman Anda"/>
        <s v="MLPVNVACS    ML V Cleaning Vac Svcs FGD CPS"/>
        <s v="MLPMNFIKE    ML M Fike Insp Rpr Rebuild"/>
        <s v="X00116750    Coal Pile Inventory Services ("/>
        <s v="MLPVNTANK    ML V WV Storage Tank Insp"/>
        <s v="ML122FS01    ML1 Steam Prc Fall 2022 Outage"/>
        <s v="X00116789    Surveying and Mapping Services"/>
        <s v="ML124SE01    ML1 Elect Prc Spring 2024 Out"/>
        <s v="BUDTRKTBD    Budget Adjustments"/>
        <s v="MLPSNSTKI    ML S OLD STACK EXT SHELL INSPT"/>
        <s v="ML016VN01    ML OXIDATION A/C MAJOR REBUILD"/>
        <s v="MLPESCONC    ML E Con/Aux Cond/Cooler Clean"/>
        <s v="MLP20MN10    ML MH BELT SCRAPER INSTALLATIO"/>
        <s v="MLPENADPM    ML E Air Dryer PMs"/>
        <s v="MAXIMOSUP    O&amp;M Maximo Support"/>
        <s v="FAN102853    Labor Accrual Project"/>
        <s v="000001480    WS Reg Staff O M"/>
        <s v="NBNANDA    Non Bu Anda"/>
        <s v="000022452    Engineering Structural Inspect"/>
        <s v="000005708    Ds SEP La-Anda"/>
        <s v="MLPENCPMP    ML E Cooling Water Pump Rprs"/>
        <s v="MLTRONA16    ML TRONA BLOWER REBUILD"/>
        <s v="ML118SN09    GAS OUTLET DUCT INSP &amp; REPAIR"/>
        <s v="ML224FE01    ML2 Elect Prc Fall 2024 Out"/>
        <s v="IRPPLANNG    Integrated Resc Plng Work Grp"/>
        <s v="MLPMNBLAD    ML M Dozer Blade Repr Rebuild"/>
        <s v="MLPVNHDCF    ML V HYDROCLONE FDTK INSP RPR"/>
        <s v="WSX106273    662152  Qa/Qc"/>
        <s v="ML118SN06    BOILER INSPECTION &amp; REPAIR"/>
        <s v="ML1XTRPTN    ML1 XTR PPT Fail 12-19-23 O&amp;M"/>
        <s v="ML118SN07    AIR HEATER INSPECTION &amp; REPAIR"/>
        <s v="MLPVNMOTR    ML V Motor Rpr Rew &lt;10 FGD CPS"/>
        <s v="ML219VN08    ML2 V ID FAN INSPECTION"/>
        <s v="MLPGYPHAN    ML V GYPSUM DISPOSAL &amp; HANDLIN"/>
        <s v="MLPVSSCRS    ML V SCR Catalyst Samples"/>
        <s v="ML222FS01    ML2 Steam Prc Fall 2022 Outage"/>
        <s v="ML217SN06    ECONOMIZER INSPECT &amp; REPAIR"/>
        <s v="MLPENROMB    ML E RO Membrane Clean Rep"/>
        <s v="FAN102854    Labor Dist Under Reported Time"/>
        <s v="ML217VN02    ML2-FGD OUTAGE WORK"/>
        <s v="MLPVNOXAC    ML V Ox Air Comp Rprs"/>
        <s v="ML218EN08    ML2 E RELINE 2 DEMINERALIZERS"/>
        <s v="X00116802    Emissions Testing"/>
        <s v="MLPVNTNKI    ML V FGD CPS Tnk Cln Insp Rpr"/>
        <s v="FHGWWTPLT    FHG Waste Water Treatment Plt"/>
        <s v="MLPSNPRPR    MLP PRECIP &amp; RAPPER REPAIRS"/>
        <s v="X00116760    Chemical Engineering Services"/>
        <s v="000002786    M&amp;D Center O&amp;M"/>
        <s v="MLPSNCOMB    ML S BOILER COMBUST TUNING"/>
        <s v="MLPVNCFIL    ML V CPS Filter Press Maint"/>
        <s v="SSHRNANDA    Accumulate Gen &amp; Admin HR Exp"/>
        <s v="MLPENCHMC    ML E Bulk Chem Cntnmnt Mnt Rpr"/>
        <s v="MLPVNFAIR    ML V FGD Air Comp Maint"/>
        <s v="181GENLAB    181 General Labor"/>
        <s v="MLPVNITNK    ML V Internal Tank Inspections"/>
        <s v="MLCATAYST    ML CATALYST SHIPPING &amp; STORAGE"/>
        <s v="MLPESCONT    ML E Eddy Current Testing"/>
        <s v="ML018VN03    CCR BUDGET  O &amp; M  ONLY"/>
        <s v="ML221VN04    RPL #21 ID FAN INLET INTERNALS"/>
        <s v="MLPSNPLVT    MLP PULVERIZER MATS TESTING"/>
        <s v="TIER2FEES    Env. Tier II Filing Fees"/>
        <s v="ML118SN03    ML U1 PULV INSPECTION &amp; REPAIR"/>
        <s v="ML125EN01    ML1 GENERATOR INSPECTION"/>
        <s v="MLCOOLBCO    ML Cooling Tower Insp Base Cst"/>
        <s v="ML217SN01    GAS OUTLET DUCT INSP &amp; REPAIR"/>
        <s v="MLPSCRBCO    MLP SCR MH BCO COSTS"/>
        <s v="ML124SV01    ML1 Env Prc Spring 2024 Out"/>
        <s v="MLPMNCBLT    ML M Critical Belt Sys Mnt Rpr"/>
        <s v="MLPMLABOR    MITCHELL MAINTENANCE LABOR"/>
        <s v="MLPVNSCAF    ML V Scaffold for FGD Support"/>
        <s v="ML221SN04    LOW NOX BURNER REPAIRS"/>
        <s v="ML018EN04    ML E ROOF AND GUTTER REPAIRS"/>
        <s v="MLPSNNUCD    MLP NUCLEAR DEVICE CERT"/>
        <s v="MLPENATMM    ML E Aux Transformer TMMs"/>
        <s v="MLPENOTHR    ML E Other Electrical Repairs"/>
        <s v="ML123FN01    ML1 Non Prc Fall 2023 Outage"/>
        <s v="MLPVNQNCH    ML V FGD Emer Qnch Nzl Flow Ck"/>
        <s v="MLPENTRTP    ML E Treating Plant Repairs"/>
        <s v="ML223FN01    ML2 Non Prc Fall 2023 Outage"/>
        <s v="MLPSSFNIR    ML S PA/FD Fan Inspect/Repair"/>
        <s v="X00116805    Environmental Analyses"/>
        <s v="ML119VN02    RPL #12ID FAN OUTLET INTERNALS"/>
        <s v="ML018VN21    ML V DSI MAINTENANCE"/>
        <s v="ML118SN10    TREATMENT AH BOILER WASH WAT"/>
        <s v="ML125SE01    ML1 Elect Prc Spring 2025 Out"/>
        <s v="ML223FE01    ML2 Elect Prc Fall 2023 Outage"/>
        <s v="MLPESCGIR    ML E Coagulator Inspect/Repair"/>
        <s v="ML222FE01    ML2 Elect Prc Fall 2022 Outage"/>
        <s v="MLPENAIRC    ML E Air Compressor Maint Repr"/>
        <s v="WSX106221    662140 - Human Resources"/>
        <s v="MLSTKMERC    Stack Mercury Tretmnt Chemisty"/>
        <s v="MLPENCBTR    ML E Cable Tray Repairs"/>
        <s v="WSX114346    Eng'r Svc. Fuel Staff Budget ("/>
        <s v="MLPESCLTW    ML E Cooling Tower Outage Repr"/>
        <s v="ML2ESHPTR    ML2 E HP TURB RTR INSPCT O&amp;M"/>
        <s v="TBH000002    TBH  BCO Project"/>
        <s v="MLPENGRBX    ML E Gearbox Repairs"/>
        <s v="X00116764    Environmental Optimization Ser"/>
        <s v="ML122SN03    LOW  NOX BURNER REPAIRS"/>
        <s v="ML122VN02    RPL #12 ID FAN INLET INTERNALS"/>
        <s v="ML122FN01    ML1 Non Prc Fall 2022 Outage"/>
        <s v="000023450    PJM Competitive Project Prop."/>
        <s v="ML118SN05    PRECIP INSPECTION &amp; REPAIR"/>
        <s v="MLPNNEMER    MLP Non-Outage Emergent O&amp;M"/>
        <s v="GBCOO    BCO"/>
        <s v="ML018MN01    BARGE UNLOADER AND TOWBOAT REP"/>
        <s v="MLP18EN03    ML E SWITCHGEAR UPGRADES &amp; REP"/>
        <s v="ML222FN01    ML2 Non Prc Fall 2022 Outage"/>
        <s v="ML122FV01    ML1 Env Prc Fall 2022 Outage"/>
        <s v="AEPLEADER    AEP Leadership Devel Programs"/>
        <s v="MLPNNRPRS    MLP OUTSDE VENDOR EQUIP REPAIR"/>
        <s v="MLPVNSTKR    ML V FGD Stk Fbrglass Flue Rpr"/>
        <s v="ML0ENVFEE    MLP ENVIRONMENTAL FEES"/>
        <s v="000026033    20 MW Solar 2023 (Pikeville)"/>
        <s v="MLP17SN01    ML PULVERIZER MATS TESTING"/>
        <s v="OVECBRTOM    Billible - Routine O&amp;M - OVEC"/>
        <s v="MLPMNENVC    ML M ENVIRONMENTAL CLEAN UP"/>
        <s v="ML218SN04    ML U2 PULV INSPECTION &amp; REPAIR"/>
        <s v="MLPESVALV    ML E Critical Valve Maint"/>
        <s v="MLPMNCYFR    ML M CY Fire Protection"/>
        <s v="ML221SE01    ML U2 Spr Out Elect Prc 21"/>
        <s v="MLPESXFMR    ML E INSTRMNT XFRMR TEST (OUT)"/>
        <s v="MLPVNCOND    ML V Condensate Tank Insp"/>
        <s v="MLP18EN47    ML E TREATING PLANT REPAIRS"/>
        <s v="MLPVNCCRC    ML V CCR Compliance Work"/>
        <s v="ML122FE01    ML1 Elect Prc Fall 2022 Outage"/>
        <s v="MLPVNSPCC    ML V SPCC Tank Inspection"/>
        <s v="MLPENSWGR    ML E Switchgear Repair Upgrade"/>
        <s v="MLPVNWPIP    ML V FGD Svc Wtr Inlet Pip Rpr"/>
        <s v="ML218EN06    ML2 E TURBINE VALVE INSPECTION"/>
        <s v="MLPMNRCIR    ML M River Cell Insp and Rpr"/>
        <s v="MLP18EN17    MLP E ENVIRONMENTAL ISSUES"/>
        <s v="MLP18MN10    ML MH BELT SCRAPER INSTALATION"/>
        <s v="MLPCPSFGD    CPS and FGD Chemistry"/>
        <s v="MLPSNAUXB    MLP S Aux Boiler Insp and Rep"/>
        <s v="ADJ2ACHVE    Adjust to Achieve"/>
        <s v="MLPMNBGUP    ML M Brg Unldr Corrosn Rpr Pnt"/>
        <s v="MLPSNSTKT    MLP STACK COMPLIANCE RATA TST"/>
        <s v="WSXRENEWC    Renewable Capital Staff Budget"/>
        <s v="MLPSNLEAK    ML S Leak Stop Svcs and Mchng"/>
        <s v="000001155    u group invoices unreg"/>
        <s v="ML2SM1803    ML2-S-ATTEMPERATOR INSPECTION"/>
        <s v="MLPENTRDS    ML E Trans and Dist Support"/>
        <s v="X00116777    Infrastructure Inspection &amp; As"/>
        <s v="ECNMLWN01    TCOM-Lan/Wan Program"/>
        <s v="PREEMPACT    Pre-employment Activities HR"/>
        <s v="20CIPSPPR    2020 RE SPP CIP Audit"/>
        <s v="000001154    u group invoice processing reg"/>
        <s v="MLPSNDISS    ML S Dissimilar M Wld Insp Rpr"/>
        <s v="ML018SN01    OLD STACK EXTERIOR SHELL INSPE"/>
        <s v="ML221VN12    ML U2 REMOVE ABS BLADES &amp; REPA"/>
        <s v="MLPENCOAG    ML E Coagulator Rake Rpr Repl"/>
        <s v="MLPESRELT    ML E Relay Testing"/>
        <s v="ML221VN10    RPL #21 ID FAN OUTLET INTERNAL"/>
        <s v="ML224FM01    ML2 M Hdlg Prc Fall 2024 Out"/>
        <s v="ML1VM2114    ML1 V ID FAN INSP"/>
        <s v="UVLADJ    Unvouchered Liab Adjustment"/>
        <s v="MLPCCRELG    ML CCR-ELG BCO ACTIVITY"/>
        <s v="ML018VN20    ML V PUMP REBUILDS AND REPAIRS"/>
        <s v="MLWPC2ESP    ML PCC U2 ESP Upgrades"/>
        <s v="ML217SN02    AIR HEATER INSPECTION &amp; REPAIR"/>
        <s v="MLELEVBCO    ML E Elevator Systems BCO"/>
        <s v="ESOMS0215    eSoms Annual Maintenance APCo"/>
        <s v="RESEARCHC    Corporate R&amp;D Project"/>
        <s v="MLWSC1AHB    ML S U1 Air Heater Basket Rplc"/>
        <s v="MLPVNARPP    ML V AR PUMP PIPING REPAIR"/>
        <s v="ML125SN01    ML1 Non Prc Spring 2025 Out"/>
        <s v="DIVINGOPS    FHG Diving at the plants"/>
        <s v="ML224EN03    BFPT ROTOR REPAIR REMOVED 2025"/>
        <s v="MLP17EN01    MLP E PUMP REBUILDS"/>
        <s v="MLPMNWALK    ML M 4E/W Drip Pan &amp; Wlkwy Rpl"/>
        <s v="ML125VN01    INSULATE #11&amp;#12 ID FAN BARREL"/>
        <s v="ASHADMINS    Ash Sales Administration"/>
        <s v="PROPROJ01    PRO Initiative"/>
        <s v="ML1SN1601    ML1 SAFETY VALVE VENT STK INSP"/>
        <s v="ML018VN11    ML V FGD LIMESTONE SILO AND FE"/>
        <s v="ML1GSUF1N    ML1 Ph 1 GSU Fire 4-9-21 O&amp;M"/>
        <s v="MLPVNAIDR    ML V FGD Absorber Inlt Dct Rpr"/>
        <s v="MLPVNDSII    ML V DSI SYS OUT INSP RPR"/>
        <s v="ETN100292    Nerc Activities"/>
        <s v="DTCGENERL    DTC - General Bus Unit Support"/>
        <s v="ETN100485    NERC Compliance"/>
        <s v="MLWEC1VHL    ML E U1 VHP/HP&amp;LPA Turbn Insp"/>
        <s v="ESOMS0117    eSoms Annual Maintenance KYPCo"/>
        <s v="MLP18SN02    ML STEAM  MISC SCAFFOLDING"/>
        <s v="ML119SN01    PRECIPITATOR CABLE TRAY REPAIR"/>
        <s v="ML017MN03    ML MH WEED CONTROL SPRAYING"/>
        <s v="MLPNNBLDG    ML N Building Maint Repairs"/>
        <s v="ML117VN02    ML U1 ABSORBER BLADE RECOAT"/>
        <s v="MLPENSCAF    MLP ELECTRIC PROCESS SCAFFOLD"/>
        <s v="MLPNNTRIT    ML N Tritium Exit Signs"/>
        <s v="ML226EN02    HP 1st RH ROTOR REPAIR REM2025"/>
        <s v="ML122EN01    REPAIR BFP REMOVED IN 2021"/>
        <s v="MLP18EN11    ML E SERVICE BUILDING &amp; GROUND"/>
        <s v="ML018MN08    MH CONVEYOR REPAIRS INCL FGD"/>
        <s v="ML018SN11    ML  S SOOTBLOWER REPAIRS"/>
        <s v="FHMERCURY    Mercury In Pond Treatment"/>
        <s v="MLP20EN10    ML E Winterization Expenses"/>
        <s v="MLP18EN07    MLP E DOOR REPAIRS"/>
        <s v="TRNTARGET    Trans Budget Calibration"/>
        <s v="MLP18EN04    ML E GEARBOX REBUILDS  REPAIRS"/>
        <s v="ML121EN01    REPLACE BFP ROTATING ELEMENT"/>
        <s v="LMSTADMIN    Procure Limestone"/>
        <s v="MLCNTRACT    MLP CONTRACT ADMINISTRATION"/>
        <s v="APGENOMAJ    APCo WPCo Gen O&amp;M Budg Adjust"/>
        <s v="MLPNNKBRG    KAMMER BRIDGE MAINT &amp; REPAIRS"/>
        <s v="ML2SM1801    ML2 S HEADER NDE INSP"/>
        <s v="MLP18EN02    ML CRANE REPAIRS AND INSPECT"/>
        <s v="ML1SM1902    ML1-S-ATTEMPERATOR INSPECTION"/>
        <s v="MLPSNBECK    ML S Brnr Rgstr Beck Drive Rpr"/>
        <s v="ML119VN03    REBUILD #11 ID FAN REG END CYL"/>
        <s v="HYDROGHUB    Hydrogen Hub Initiative"/>
        <s v="MLPVNPNTG    ML V Paint Struct Rpr FGD CPS"/>
        <s v="X00116816    Administrative Services Suppor"/>
        <s v="MLPESCWPM    ML E Circ Water Pump Rep (O&amp;M)"/>
        <s v="MLPMNDRDG    ML M River Dredging"/>
        <s v="ML119SN05    SCAFFOLD - FURNACE TUBE INSPEC"/>
        <s v="ML226EN01    2nd  RH ROTOR INSPECTION"/>
        <s v="ML2SOCSIL    ML2 S Coal Silo Inspections"/>
        <s v="ML222FV01    ML2 Env Prc Fall 2022 Outage"/>
        <s v="ML020EN01    ML E SEWAGE PLANT FILTER BEDS"/>
        <s v="ML018EN03    ML E PLANT WINTERIZATION"/>
        <s v="MLPSNSFVI    MLP SAFETY VLV VENT STACK INSP"/>
        <s v="MLPSNASHP    ML S Ash Pump Maint Rprs"/>
        <s v="MLP18MN13    MH DAM AND DIKE REPAIRS INSPEC"/>
        <s v="ML122EN02    M1 HP 1stRH ROTORREPAIR RM2021"/>
        <s v="MLPVNFCLS    ML V FGD Classifier Rprs"/>
        <s v="000005707    Ds AP WVirg-Anda"/>
        <s v="MLPENLEAK    ML E Leak Stop Svcs and Mchng"/>
        <s v="X00116804    Industrial Hygiene Analyses"/>
        <s v="ML1SNCMCN    ML UNIT1 CHEMICAL CLEAN BOILER"/>
        <s v="MLPENTRGR    ML E Turning Gear Repairs"/>
        <s v="ML018VN04    ML  WV STORAGE TANK INSPECTION"/>
        <s v="WSX105051    ML-1 Forced Outage Contingency"/>
        <s v="ML018MN06    MH MOBILE CRANE INSPECT/REPAIR"/>
        <s v="ML124EN03    ML U1 RELINE 2 DEMINERALIZERS"/>
        <s v="GWSCS    Cap Stnd - Prod Plant Stnd"/>
        <s v="ML2VM1802    ML2 FGD STK FIBERGLS FLUE INSP"/>
        <s v="ML1SOCSIL    ML1 S Coal Silo Inspections"/>
        <s v="ML018SN08    ML S PULVERIZER INSPECTIONS"/>
        <s v="MLPMNBRDG    ML M Bridge Insp and Repairs"/>
        <s v="ML018VN13    ML V FGD VAC FILTER BELT/CLOTH"/>
        <s v="MLPSNABSI    MLP S Aux Boiler Stack Inspect"/>
        <s v="MLPVSABSB    ML V REMOVE &amp; RPR ABS BLADES"/>
        <s v="MLPNVPGRD    ML V PENGRD BLOCK INSP RPR"/>
        <s v="ML121VN01    RPL#11 ID FAN DR END INTERNALS"/>
        <s v="ML018VN15    ML V CPS AIR COMPRESSOR REBUIL"/>
        <s v="CEREDOBCO    Ceredo Plant O&amp;M"/>
        <s v="ML018SN10    ML S PULVERIZER REBUILD MAINTE"/>
        <s v="ML019NM03    ML PLANT FIRE EXTINGUISHERS"/>
        <s v="MLWSC2AHB    ML S U2 Air Heater Basket Rplc"/>
        <s v="WSX114322    Eng'r Svc. Capital Staff Budge"/>
        <s v="BCMPGMGOV    BCM Program Governance"/>
        <s v="MLP19EN12    ML SAFETY VALVE INSPECT/REPAIR"/>
        <s v="ML222SNPC    ML2 2022 Spr Outg PCC Sch Plng"/>
        <s v="ML221VN01    REBUILD #21 ID FAN REG END CYL"/>
        <s v="ML124VN05    REBUILD #12 ID REG END HUB CYL"/>
        <s v="BUSREV012    Business Process Review"/>
        <s v="MLP18EN05    ML E PIPING &amp; VALVE REPAIRS RE"/>
        <s v="MLP18EN06    ML E HVAC PM AND REPAIRS"/>
        <s v="ML122FM01    ML1 Mat Hdlg Prc 2022 Fall Out"/>
        <s v="ML118EN06    HP/1stRH LPA Trb Rtr Insp O&amp;M"/>
        <s v="ML225EN01    HP/RH &amp; 2nd REHEAT Rtr Insp"/>
        <s v="MLPMNRAIL    ML M Railroad Repairs"/>
        <s v="MLPMNBRKR    ML M Breaker Rprs Matl Hdlg"/>
        <s v="ML019NM01    ML SAFETY NOMI PROJECT"/>
        <s v="MLP18SN03    ML STEAM TECHNICAL  SUPPORT"/>
        <s v="MLPESGMED    ML E Gravity Filter Media Repl"/>
        <s v="ML2SN1601    ML2 SAFETY VALVE VENT STK INSP"/>
        <s v="ML225VN12    ML RPL #22 ID FAN DR END INTER"/>
        <s v="MLPVNFSTK    ML V FGD New Stack Repairs"/>
        <s v="RESEARCHG    Generation R&amp;D"/>
        <s v="ML1SM1901    ML S HEADER NDE INSP"/>
        <s v="FHOSIMTCE    FHG OSI Maintenance Agreement"/>
        <s v="TRONAPROC    Procure Trona"/>
        <s v="ML015VN28    BTM ASH POND, CCR RULE,  LR"/>
        <s v="ML121EN10    ML E COOLING TOWER REPAIRS O&amp;M"/>
        <s v="MLPESGFIP    ML E Generator FIP O&amp;M"/>
        <s v="MLPESTRBV    ML E Turbine Valv Inspct &amp; Rpr"/>
        <s v="ML221SN02    SCAFFOLD - FURNACE TUBE INSPEC"/>
        <s v="ML225EN07    BFP TURBINE INSPECTION 2025"/>
        <s v="ML018SN06    ML S NUCLEAR CERTIFICATION"/>
        <s v="MLPENHPRR    ML E HP ROTOR REPAIR/REBUILD"/>
        <s v="ML119VN07    ML FGD STACK CONCRETE INSP/REP"/>
        <s v="MLP17SN09    ML S PULVERIZER REBUILD MAINT"/>
        <s v="ML1ESLPBT    ML1 E LPB TURB RTR INSPCT O&amp;M"/>
        <s v="MLPMNDZTK    ML M Dozer Tracks"/>
        <s v="ML2ES2RHT    ML2 E 2RH TURB RTR INSPCT O&amp;M"/>
        <s v="CULTURETR    Culture Train Power up &amp; Lead"/>
        <s v="LSTONESVY    Limestone Pile Surveys"/>
        <s v="ML123EN01    ML BFP TURBINE INSPECTION"/>
        <s v="A21050054    Tenth St GE/SEL Relay"/>
        <s v="N34BCOPAY    N34 BCO Payroll"/>
        <s v="X00116793    Welding, Metllurgy And NDE Tec"/>
        <s v="MLPNNDLUG    ML N FIVE YEAR DELUGE INSPECT"/>
        <s v="MLP20EN08    ML E LIGHTING &amp; ELECTRICAL REP"/>
        <s v="MLPSNGRBX    MLP GEARBOX REPAIRS STEAM"/>
        <s v="MLP20EN60    ML E T&amp;D Support"/>
        <s v="MLP20VN04    ML V WV STORAGE TANK INSPECT"/>
        <s v="X00116801    Special Studies"/>
        <s v="ML218EN07    ML2 E GENERATOR FO INSPECTION"/>
        <s v="ML222EN01    ML RPL U2 BFP ROTATING ELE O&amp;M"/>
        <s v="ITSSV2042    Cap - Corp Maximo-Second Half"/>
        <s v="MLPNNSRET    MLP STOCK RETURNS"/>
        <s v="NERCWNTER    NERC Winterization"/>
        <s v="DMS25KK03    KY/ME/Thunderstorm 02/15/25"/>
        <s v="X00116794    Permitting and Regulatory Supp"/>
        <s v="ML225EN03    REPAIR FRP ROTOR (REMOVE 2023)"/>
        <s v="X00116949    Rata Services (O&amp;M)"/>
        <s v="MLPESBFPT    ML E BFPT REPLACE O&amp;M Portion"/>
        <s v="2019NCOV1    2019-nCoV Planning &amp; Response"/>
        <s v="MLPSNCEMS    MLP CEMS SUPPORT"/>
        <s v="MLPVNUTNK    ML V Urea Tank 5yr Insp Repair"/>
        <s v="MLPENLPBR    ML E LPB ROTR RPR AT CMS"/>
        <s v="MLPMNCRSH    ML M Crusher Repairs"/>
        <s v="MLPSNGUTT    ML S Gutter and Lagging Repair"/>
        <s v="X00116798    Information Systems"/>
        <s v="ML225EN05    LPB ROTOR REPAIR at CMS - O&amp;M"/>
        <s v="X00116772    Hydro Infrastructure Inspectio"/>
        <s v="ML225EN04    LPA Rotor Repair at CMS"/>
        <s v="ML226EN03    2ndRH ROTOR REPAIR REMOVED2025"/>
        <s v="MLP17EN18    ML U2 BOILER FEED PUMP REBUILD"/>
        <s v="ML222FM01    ML2 Mat Hdlg Prc 2022 Fall Out"/>
        <s v="ML127EN02    ML U1  2ND RH ROTOR INSPECTION"/>
        <s v="ITSEC9999    Cyber Maintenance"/>
        <s v="ML127EN01    U1 LPB TURBINE ROTOR INSPECTIO"/>
        <s v="ML221VN07    RPL #22 ID FAN OUTLET INTERNAL"/>
        <s v="SSGSNANDA    Shared Services-Accumulate Gen"/>
        <s v="ML221VN02    REBUILD #22 ID FAN REG END CYL"/>
        <s v="MLOGYPHAN    ML0 V GYSPSUM DISPOSAL AND HAN"/>
        <s v="ITTRN1745    Int Design and Construct"/>
      </sharedItems>
    </cacheField>
    <cacheField name="Project Type Level 2" numFmtId="0">
      <sharedItems/>
    </cacheField>
    <cacheField name="Project Type" numFmtId="0">
      <sharedItems/>
    </cacheField>
    <cacheField name="Project Category Level 2" numFmtId="0">
      <sharedItems/>
    </cacheField>
    <cacheField name="Project Category" numFmtId="0">
      <sharedItems/>
    </cacheField>
    <cacheField name="Project Class" numFmtId="0">
      <sharedItems/>
    </cacheField>
    <cacheField name="Periods #" numFmtId="0">
      <sharedItems/>
    </cacheField>
    <cacheField name="Years #" numFmtId="164">
      <sharedItems containsSemiMixedTypes="0" containsString="0" containsNumber="1" containsInteger="1" minValue="2023" maxValue="2030"/>
    </cacheField>
    <cacheField name="v_Major Operations" numFmtId="0">
      <sharedItems/>
    </cacheField>
    <cacheField name="v_Major Operations Extra Breakdown" numFmtId="0">
      <sharedItems/>
    </cacheField>
    <cacheField name="GL BU-Segments" numFmtId="0">
      <sharedItems/>
    </cacheField>
    <cacheField name="GL BU-Segments ID #" numFmtId="0">
      <sharedItems/>
    </cacheField>
    <cacheField name="Department Level 2" numFmtId="0">
      <sharedItems/>
    </cacheField>
    <cacheField name="Department Level 3" numFmtId="0">
      <sharedItems/>
    </cacheField>
    <cacheField name="Department Level 4" numFmtId="0">
      <sharedItems count="42">
        <s v="14154R    KPCo Gen Joint Facilities"/>
        <s v="99920    Billings from Assoc Cos"/>
        <s v="99900    AEP Billings"/>
        <s v="14130R    Generating Assets KPCo"/>
        <s v="99910    Billings to Assoc Cos"/>
        <s v="10096R    Generating Assets APCo/WP"/>
        <s v="11511XR    Commercial Operations"/>
        <s v="12276R    SO2/NOx/Lime/Urea Tracking"/>
        <s v="99990    Miscellaneous/Unallocated"/>
        <s v="10992    Incentv Acrl Generation"/>
        <s v="13021    Generation Amortization"/>
        <s v="12388R    Kentucky Power Company"/>
        <s v="14108R    Telecom Field Services"/>
        <s v="BLANK Department"/>
        <s v="11949    Plant Env Support"/>
        <s v="11836R    ED Incentive Accruals"/>
        <s v="12677R    Physical Security"/>
        <s v="12831R    GET FSV Field Services"/>
        <s v="10828    UO Reg Planning/Budgeting"/>
        <s v="10562    Federal Affairs"/>
        <s v="11585    Incentv Acrl Transmission"/>
        <s v="11611    Energy Management Services"/>
        <s v="12813R    Env Systems &amp; Field Services"/>
        <s v="11353R    SC&amp;Procurement Generation Op"/>
        <s v="10773    Environmental Services"/>
        <s v="10591R    VP Eng Services"/>
        <s v="11789    AdmSupp Fuel Supply NonLabor"/>
        <s v="12613    GM Transmission"/>
        <s v="12162    Reg Commercial Operations Adm"/>
        <s v="10004    Generating Assets"/>
        <s v="12306R    Generating Assets I&amp;M"/>
        <s v="14129    Incentv Acrl Proj Solutions"/>
        <s v="10632    Regulated Generation"/>
        <s v="12673    Chief Security Officer Admin"/>
        <s v="11991    GEN EVP Generation"/>
        <s v="14060    East Region 2 Engineering"/>
        <s v="13020    Transmission Services"/>
        <s v="11145R    Transmission Projects"/>
        <s v="13535R    Grants and Broadband"/>
        <s v="11034    Energy Scvs Incentive Accruals"/>
        <s v="10130R    Major Projects East"/>
        <s v="11143    GET PPC Project Controls"/>
      </sharedItems>
    </cacheField>
    <cacheField name="Department Level 5" numFmtId="0">
      <sharedItems/>
    </cacheField>
    <cacheField name="Department" numFmtId="0">
      <sharedItems count="59">
        <s v="13403    Mitchell Alloc/WPCo Billing"/>
        <s v="99920    Billings from Assoc Cos"/>
        <s v="99900    AEP Billings"/>
        <s v="10218    Big Sandy Plant"/>
        <s v="99910    Billings to Assoc Cos"/>
        <s v="10642    Mitchell Plant"/>
        <s v="12612    GM Wholesale Energy"/>
        <s v="11597    Mitchell Tracking"/>
        <s v="99990    Miscellaneous/Unallocated"/>
        <s v="10992    Incentv Acrl Generation"/>
        <s v="14130    Generating Assets KPCo"/>
        <s v="13021    Generation Amortization"/>
        <s v="12396    Kentucky Region Support"/>
        <s v="12144    Ashland Telecom Ops"/>
        <s v="BLANK Department"/>
        <s v="13351    Mitchell Plant GENCO's Share"/>
        <s v="11949    Plant Env Support"/>
        <s v="12048    GM Power"/>
        <s v="11836    Inctv Acrl DistrCustOpReg Svcs"/>
        <s v="14166    KPCo New Generation"/>
        <s v="12677    Physical Security"/>
        <s v="10701    GET FSV Shop CMS Bill"/>
        <s v="10828    UO Reg Planning/Budgeting"/>
        <s v="10096    Generating Assets APCo/WP"/>
        <s v="10562    Federal Affairs"/>
        <s v="11584    Big Sandy Tracking"/>
        <s v="11585    Incentv Acrl Transmission"/>
        <s v="11611    Energy Management Services"/>
        <s v="10328    Env Field Services"/>
        <s v="10107    Big Sandy Plant Stores"/>
        <s v="10773    Environmental Services"/>
        <s v="10400    East Generation Operations"/>
        <s v="10594    Plant Engineering Region 1"/>
        <s v="11789    AdmSupp Fuel Supply NonLabor"/>
        <s v="12613    GM Transmission"/>
        <s v="12162    Reg Commercial Operations Adm"/>
        <s v="10004    Generating Assets"/>
        <s v="10097    Generating Assets I&amp;M"/>
        <s v="12682    Kentucky Distribution Dispatch"/>
        <s v="14129    Incentv Acrl Proj Solutions"/>
        <s v="10591    VP Eng Services"/>
        <s v="10632    Regulated Generation"/>
        <s v="12673    Chief Security Officer Admin"/>
        <s v="12831    GET FSV - Field Services"/>
        <s v="11991    GEN EVP Generation"/>
        <s v="11783    Regulatory Services - Kentucky"/>
        <s v="12392    Kentucky Bus Oper Support"/>
        <s v="13027    Acctng Amortizations-KPCo"/>
        <s v="14060    East Region 2 Engineering"/>
        <s v="13158    AppalachnKentuckyPwrTelecomOps"/>
        <s v="13020    Transmission Services"/>
        <s v="11115    Trans Station Projs"/>
        <s v="13535    Grants &amp; Broadband"/>
        <s v="11034    Energy Scvs Incentive Accruals"/>
        <s v="11988    GET PPCFGD Projects"/>
        <s v="11143    GET PPC Project Controls"/>
        <s v="10695    Pikeville Const"/>
        <s v="12276    SO2/NOx/Lime/Urea Tracking"/>
        <s v="11601    Rockport Tracking"/>
      </sharedItems>
    </cacheField>
    <cacheField name="Attribution Basis" numFmtId="0">
      <sharedItems/>
    </cacheField>
    <cacheField name="SEC Account" numFmtId="0">
      <sharedItems/>
    </cacheField>
    <cacheField name="FERC Account" numFmtId="0">
      <sharedItems/>
    </cacheField>
    <cacheField name="FERC Account Level 2" numFmtId="0">
      <sharedItems/>
    </cacheField>
    <cacheField name="FERC Account Level 3" numFmtId="0">
      <sharedItems/>
    </cacheField>
    <cacheField name="FERC Account Level 4" numFmtId="0">
      <sharedItems/>
    </cacheField>
    <cacheField name="FERC Account Level 5" numFmtId="0">
      <sharedItems/>
    </cacheField>
    <cacheField name="FERC Account Level 6" numFmtId="0">
      <sharedItems/>
    </cacheField>
    <cacheField name="FERC Account Level 7" numFmtId="0">
      <sharedItems/>
    </cacheField>
    <cacheField name="FERC Account Level 8" numFmtId="0">
      <sharedItems/>
    </cacheField>
    <cacheField name="FERC Account Level 9" numFmtId="0">
      <sharedItems/>
    </cacheField>
    <cacheField name="FERC Account Level 10" numFmtId="0">
      <sharedItems/>
    </cacheField>
    <cacheField name="FERC Account Level 11" numFmtId="0">
      <sharedItems/>
    </cacheField>
    <cacheField name="FERC Account Level 12" numFmtId="0">
      <sharedItems/>
    </cacheField>
    <cacheField name="FERC Account Level 13" numFmtId="0">
      <sharedItems/>
    </cacheField>
    <cacheField name="O&amp;M Account" numFmtId="0">
      <sharedItems count="114">
        <s v="5110000    Maintenance of Structures"/>
        <s v="5230000    Electric Expenses"/>
        <s v="5010000    Fuel"/>
        <s v="5060000    Misc Steam Power Expenses"/>
        <s v="5000000    Oper Supervision &amp; Engineering"/>
        <s v="5120000    Maintenance of Boiler Plant"/>
        <s v="5100000    Maint Supv &amp; Engineering"/>
        <s v="5570000    Other Expenses"/>
        <s v="5550327    PJM Transm Loss Credits-LSE"/>
        <s v="5090000    Allow Consum Title IV SO2"/>
        <s v="5550137    PJM OpRes-LSE-Credit"/>
        <s v="5550075    PJM Reactive-Credit"/>
        <s v="5550074    PJM Reactive-Charge"/>
        <s v="5550124    PJM Implicit Congestion-LSE"/>
        <s v="5010001    Fuel Consumed"/>
        <s v="5020025    Steam Exp Environmental"/>
        <s v="5020005    Polymer expense"/>
        <s v="5020000    Steam Expenses"/>
        <s v="5591000    Oper Supervision &amp; Engineering"/>
        <s v="5010020    Nat Gas Consumed Steam"/>
        <s v="5500005    Lease Expense - Wind Leases"/>
        <s v="5050000    Electric Expenses"/>
        <s v="5490000    Misc Other Pwer Generation Exp"/>
        <s v="5450002    Maint of Misc Hydr Plt-Rec Fac"/>
        <s v="5120037    KY Steam Maint O/U"/>
        <s v="5010019    Fuel Oil Consumed"/>
        <s v="5170000    Oper Supervision &amp; Engineering"/>
        <s v="5010027    Gypsum handling/disposal costs"/>
        <s v="5540001    Maint of Oth Pwr Gen Plt-GT"/>
        <s v="5010028    Gypsum Sales Proceeds"/>
        <s v="5020004    Lime-Related Expenses"/>
        <s v="5280000    Maint Supv &amp; Engineering"/>
        <s v="5300000    Maint of Reactor Plant Equip"/>
        <s v="5530000    Maintenance of Generating Plt"/>
        <s v="5240000    Misc Nuclear Power Expenses"/>
        <s v="5350000    Oper Supervision &amp; Engineering"/>
        <s v="5550029    Purch Power-Assoc-Trnsfr Price"/>
        <s v="5581400    Wind Turb Gen&amp;Oth Plnt Op-Mjr"/>
        <s v="5320000    Maint of Misc Nuclear Plant"/>
        <s v="5010013    Fuel Survey Activity"/>
        <s v="5500001    Rents - Gas Turbine"/>
        <s v="5130000    Maintenance of Electric Plant"/>
        <s v="5060002    Misc Steam Power Exp-Assoc"/>
        <s v="5530001    Maint of Gen Plant - Gas Turb"/>
        <s v="5020002    Urea Expense"/>
        <s v="5070006    Rents - Associated"/>
        <s v="5550078    PJM Regulation-Charge"/>
        <s v="5550076    PJM Black Start-Charge"/>
        <s v="5550040    PJM Inadvertent Mtr Res-LSE"/>
        <s v="5550079    PJM Regulation-Credit"/>
        <s v="5120034    BSDR O/U Recovery - Maint Cost"/>
        <s v="5550080    PJM Hourly Net Purch.-FERC"/>
        <s v="5390000    Misc Hydr Power Generation Exp"/>
        <s v="5200000    Steam Expenses"/>
        <s v="5550084    PJM Sync &amp; Non Sync-Credit"/>
        <s v="5550326    PJM Transm Loss Charges - LSE"/>
        <s v="5570010    OH Auction Exp - Incremental"/>
        <s v="5010003    Fuel - Procure Unload &amp; Handle"/>
        <s v="5140000    Maintenance of Misc Steam Plt"/>
        <s v="5090009    Allow Consumpt CSAPR SO2"/>
        <s v="5560000    Sys Control &amp; Load Dispatching"/>
        <s v="5581000    Oper Supervision &amp; Engineering"/>
        <s v="5480000    Generation Expenses"/>
        <s v="5310000    Maintenance of Electric Plant"/>
        <s v="5420000    Maintenance of Structures"/>
        <s v="5170001    Oper Supervision &amp; Engineering"/>
        <s v="5500004    Wind Easement Exp - NonLease"/>
        <s v="5020003    Trona Expense"/>
        <s v="5550083    PJM Sync &amp; Non Sync-Charge"/>
        <s v="5120025    Maint of Blr Plt Environmental"/>
        <s v="5170002    Refueling Out-Deferral &amp; Amort"/>
        <s v="5060025    Misc Stm Pwr Exp Environmental"/>
        <s v="5581300    Oper Supervision &amp; Engineering"/>
        <s v="5020007    Lime Hydrate Expense"/>
        <s v="5587000    Maint Solar Pnl Strct &amp; Eq-Mjr"/>
        <s v="5410000    Maint Supv &amp; Engineering"/>
        <s v="5460000    Oper Supervision &amp; Engineering"/>
        <s v="5370002    Recreation Facilities"/>
        <s v="5010040    Gas Procuremnt Sales Net"/>
        <s v="5010005    Fuel - Deferred"/>
        <s v="5550123    PJM OpRes-LSE-Charge"/>
        <s v="5550001    Purch Pwr-NonTrading-Nonassoc"/>
        <s v="5010034    Gas Transp Res Fees-Steam"/>
        <s v="5550039    PJM Inadvertent Mtr Res-OSS"/>
        <s v="5550132    PJM FTR Revenue-LSE"/>
        <s v="5550023    Purch Power Capacity -NA"/>
        <s v="5550094    Purchased Power - Fuel"/>
        <s v="5582000    Solar Panel Gen&amp;Oth Plt Op-Mjr"/>
        <s v="5550328    PJM FC Penalty Credit"/>
        <s v="5010012    Ash Sales Proceeds"/>
        <s v="5550153    PurchPower-Rockport Def-NonAff"/>
        <s v="5312000    Maint of Computer Software"/>
        <s v="5000005    Deferred OM - 20% Non FMR"/>
        <s v="5430000    Maint Rsrvoirs,Dams&amp;Wtrways"/>
        <s v="5470004    Fuel - Gas Turb - Purch / Hand"/>
        <s v="5010021    Transp Gas Consumed Steam"/>
        <s v="5060004    NSR Settlement Expense"/>
        <s v="5060011    BSRR O/U Recovery-Oper Costs"/>
        <s v="5140025    Maint MiscStmPlt Environmental"/>
        <s v="5550004    Purchased Power-Pool Capacity"/>
        <s v="5010036    Nat Gas Consumed CC"/>
        <s v="5020020    Misc Consumable Exp"/>
        <s v="5132000    Maint of Computer Software-Mjr"/>
        <s v="5370000    Hydraulic Expenses"/>
        <s v="5581900    Maint Wind Turb Struct&amp;Eq-Mjr"/>
        <s v="5550027    Purch Pwr-Non-Fuel Portion-Aff"/>
        <s v="5570009    Other Pwr Exp- REC's - RETAIL"/>
        <s v="5370001    Fish &amp; Wildlife Facilities"/>
        <s v="5090001    Allowance Consumption - NOx"/>
        <s v="5570025    MATL-SAFETY"/>
        <s v="5133000    Maint of Comm Equipmt-Mjr"/>
        <s v="5570007    Other Pwr Exp - Wholesale RECs"/>
        <s v="5090013    CSAPR Seasonal NOx Cons. Exp"/>
        <s v="5080017    IPP Oper - Training/Travel"/>
      </sharedItems>
    </cacheField>
    <cacheField name="O&amp;M Account Level 2" numFmtId="0">
      <sharedItems/>
    </cacheField>
    <cacheField name="O&amp;M Account Level 3" numFmtId="0">
      <sharedItems/>
    </cacheField>
    <cacheField name="O&amp;M Account Level 4" numFmtId="0">
      <sharedItems/>
    </cacheField>
    <cacheField name="O&amp;M Account Level 5" numFmtId="0">
      <sharedItems/>
    </cacheField>
    <cacheField name="O&amp;M Account Level 6" numFmtId="0">
      <sharedItems/>
    </cacheField>
    <cacheField name="Cost Component" numFmtId="0">
      <sharedItems count="90">
        <s v="738    SS Fleet Prod/Svcs"/>
        <s v="11E    Exempt Labor"/>
        <s v="933    Postage"/>
        <s v="780    AEPSC Bill"/>
        <s v="391    Material - Outside Contractor"/>
        <s v="310    Material &amp; Supplies From Stock"/>
        <s v="290    Other Outside Services General"/>
        <s v="390    Material Direct Purchase"/>
        <s v="122    Labor Fringes (Incentv Accr)"/>
        <s v="393    Sales/Use Tax - M &amp; S"/>
        <s v="9AA    Accounts Payable Accruals"/>
        <s v="220    Supply Chain Clearing"/>
        <s v="396    Material w/Fixed % Stores Load"/>
        <s v="141    Incentive Accrual Dept Level"/>
        <s v="11N    Non Exempt Labor"/>
        <s v="999    Miscellaneous All Other"/>
        <s v="971    Billings of Labor and Oth Cost"/>
        <s v="341    Coal"/>
        <s v="210    Contract Labor (General)"/>
        <s v="13B    OT Labor - Budget Only"/>
        <s v="153    Stock-Based Compensation Units"/>
        <s v="121    Labor Fringes (Overtime)"/>
        <s v="149    Generation Incentives"/>
        <s v="11B    Labor - Budget Only"/>
        <s v="145    Stock-based Compensation"/>
        <s v="125    Payroll Dist Nonproductive"/>
        <s v="935    Cell phone and Pager Expense"/>
        <s v="9AB    Accts Payable Accrual Reversal"/>
        <s v="346    Fuel - Gas"/>
        <s v="413    Fleet Clearing"/>
        <s v="620    Overheads"/>
        <s v="214    Outside Shop Services"/>
        <s v="13N    Non Exempt OT Labor"/>
        <s v="936    PPE/Safety Equipment Expense"/>
        <s v="359    Rentals Less Than 12 Months"/>
        <s v="343    Oil - Generation"/>
        <s v="190    Payroll Trans Other (Gen)"/>
        <s v="320    Stores Loading"/>
        <s v="157    Restricted Stock Cash Payout"/>
        <s v="271    Software - Maintenance"/>
        <s v="955    Corporate Contributions"/>
        <s v="120    Labor Fringes (Straight-time)"/>
        <s v="293    Sales/Use Tax-Outside Services"/>
        <s v="154    Restricted Stock Incentives"/>
        <s v="920    Leases Of Personal Prop Gen"/>
        <s v="BLANK  Cost Class"/>
        <s v="520    Business Exp Part Deduct Gen"/>
        <s v="13E    Exempt OT Labor"/>
        <s v="910    Leases Of Real Property Gen"/>
        <s v="REV    Revenue Transactions"/>
        <s v="623    Fixed Shop Overhead Clearing"/>
        <s v="510    Busin Exp 100% Deduct Gen"/>
        <s v="284    Outside Services - Nonlabor"/>
        <s v="U3E    Exempt Uncompensated Labor"/>
        <s v="342    Lime"/>
        <s v="143    Other Lump Sum Payments"/>
        <s v="345    Fuel Handling Clearing"/>
        <s v="392    Freight Charges"/>
        <s v="126    Fringes - Budget Use Only"/>
        <s v="155    Transmission Incentives"/>
        <s v="148    Corp &amp; Shared Svcs Incentives"/>
        <s v="411    Vehicle Distribution - Other"/>
        <s v="1AA    Payroll Labor Accruals"/>
        <s v="129    Labor Accrual - Nonprod load"/>
        <s v="1AB    Labor Accrual Reversals"/>
        <s v="622    Shop Overhead Clearing"/>
        <s v="954    Employee Memberships"/>
        <s v="11S    Non Exempt Salaried Labor"/>
        <s v="949    Utility Payments"/>
        <s v="158    Projects &amp; Services Incentive"/>
        <s v="344    Oil - Non Generation"/>
        <s v="123    Labor  Fringes -Other NTL Pymt"/>
        <s v="930    Allocations (General)"/>
        <s v="350    Transport Charges Fuel Gen"/>
        <s v="260    Professional Services"/>
        <s v="394    Exempt Minor Material"/>
        <s v="13S    Non Exempt OT Salaried Labor"/>
        <s v="285    Temporary Staffing"/>
        <s v="020    Construction/Retirement Ovhds"/>
        <s v="953    Company Memberships"/>
        <s v="023    AFUDC Debt"/>
        <s v="951    Environmental &amp; Oth Permit Fee"/>
        <s v="024    AFUDC Equity"/>
        <s v="932    Capitalized Property Taxes"/>
        <s v="151    ES Non Gen Incentives"/>
        <s v="266    Outside Services Engineering"/>
        <s v="262    Legal Services And Expenses"/>
        <s v="144    Severance"/>
        <s v="142    Relocation"/>
        <s v="322    Truck Stock"/>
      </sharedItems>
    </cacheField>
    <cacheField name="Cost Sub Category" numFmtId="0">
      <sharedItems/>
    </cacheField>
    <cacheField name="Cost Category" numFmtId="0">
      <sharedItems/>
    </cacheField>
    <cacheField name="Cost Type" numFmtId="0">
      <sharedItems/>
    </cacheField>
    <cacheField name="Benefiting Loc Level 10" numFmtId="0">
      <sharedItems count="47">
        <s v="1267    Mitchell Plant Unit 0"/>
        <s v="1241    KYPCO All Bus Units"/>
        <s v="1176    Generation - All East Cos"/>
        <s v="117    KYPCO Generation"/>
        <s v="1096    Big Sandy Plant Unit 1"/>
        <s v="1469    Generation - All Companies"/>
        <s v="1006    Gen - All Cos except Nuclear"/>
        <s v="1257    Mitchell Plant Unit 1"/>
        <s v="1060    All Companies"/>
        <s v="1311    Mitchell Plant Unit 2"/>
        <s v="180    KYPCO Transmission"/>
        <s v="1125    Big Sandy Plant Unit 0"/>
        <s v="1022    Generation - All Companies Reg"/>
        <s v="1021    All Regulated Companies"/>
        <s v="1171    All Companies Excl Serv Corp"/>
        <s v="413    Wheeling Power Co - Generation"/>
        <s v="110    KP Distribution"/>
        <s v="BLANK  Benefiting Location"/>
        <s v="1924    All T&amp;D East Companies excludi"/>
        <s v="1318    Transmission - All East Cos"/>
        <s v="1552    All Reg Gen Cos excld Nuclear"/>
        <s v="1436    Transmission - All Companies"/>
        <s v="1590    I&amp;M Hydro Plants"/>
        <s v="1062    All Operating Cos All Bus Unit"/>
        <s v="1872    All Transm excld Transource Co"/>
        <s v="1935    Gen All Cos &amp; CSWE excl Nuc"/>
        <s v="1056    All Companies Excl AEP, Inc"/>
        <s v="1002    Generation-All East Excl Card"/>
        <s v="1468    Distribution - All Companies"/>
        <s v="1933    Trans/Transco/TrnsrcWV"/>
        <s v="1032    Trans &amp; Dist - All Companies"/>
        <s v="1140    Gen - All East Cos Fossil"/>
        <s v="1077    Trans &amp; Dist - All East Cos"/>
        <s v="1918    Trans All Cos excl TX/KG/JV"/>
        <s v="1068    Big Sandy Plant Unit 2"/>
        <s v="1846    Generation - APCO/I&amp;M/KYPCO"/>
        <s v="1925    All T&amp;D companies excl Trnsrce"/>
        <s v="1061    All East Oper Cos All Bus Unit"/>
        <s v="1389    Vertically Integrated Utilitie"/>
        <s v="1923    Trans East excl Transource"/>
        <s v="1934    Trans/Tcos/TsrcWV excl TX/ETT"/>
        <s v="1632    Dist All Cos-Retail Cust Only"/>
        <s v="1611    Ceredo Plant Unit 0"/>
        <s v="215    APCO Generation"/>
        <s v="1533    Rockport Plnt Unt 1 100pct AEG"/>
        <s v="1419    Wilkes Plant Unit 0"/>
        <s v="1368    Rockport Plant Unit 0"/>
      </sharedItems>
    </cacheField>
    <cacheField name="Benefiting Loc Level 9" numFmtId="0">
      <sharedItems/>
    </cacheField>
    <cacheField name="Benefiting Loc Level 8" numFmtId="0">
      <sharedItems/>
    </cacheField>
    <cacheField name="Benefiting Loc Level 7" numFmtId="0">
      <sharedItems count="42">
        <s v="Mitchell Plant"/>
        <s v="1241    KYPCO All Bus Units"/>
        <s v="1176    Generation - All East Cos"/>
        <s v="117    KYPCO Generation"/>
        <s v="Big Sandy Plant"/>
        <s v="1469    Generation - All Companies"/>
        <s v="1006    Gen - All Cos except Nuclear"/>
        <s v="1060    All Companies"/>
        <s v="180    KYPCO Transmission"/>
        <s v="1022    Generation - All Companies Reg"/>
        <s v="1021    All Regulated Companies"/>
        <s v="1171    All Companies Excl Serv Corp"/>
        <s v="413    Wheeling Power Co - Generation"/>
        <s v="110    KP Distribution"/>
        <s v="BLANK  Benefiting Location"/>
        <s v="1924    All T&amp;D East Companies excludi"/>
        <s v="1318    Transmission - All East Cos"/>
        <s v="1552    All Reg Gen Cos excld Nuclear"/>
        <s v="1436    Transmission - All Companies"/>
        <s v="All East Hydro Gen Cos Reg"/>
        <s v="1062    All Operating Cos All Bus Unit"/>
        <s v="1872    All Transm excld Transource Co"/>
        <s v="1935    Gen All Cos &amp; CSWE excl Nuc"/>
        <s v="1056    All Companies Excl AEP, Inc"/>
        <s v="1002    Generation-All East Excl Card"/>
        <s v="1468    Distribution - All Companies"/>
        <s v="1933    Trans/Transco/TrnsrcWV"/>
        <s v="1032    Trans &amp; Dist - All Companies"/>
        <s v="1140    Gen - All East Cos Fossil"/>
        <s v="1077    Trans &amp; Dist - All East Cos"/>
        <s v="1918    Trans All Cos excl TX/KG/JV"/>
        <s v="1846    Generation - APCO/I&amp;M/KYPCO"/>
        <s v="1925    All T&amp;D companies excl Trnsrce"/>
        <s v="1061    All East Oper Cos All Bus Unit"/>
        <s v="1389    Vertically Integrated Utilitie"/>
        <s v="1923    Trans East excl Transource"/>
        <s v="1934    Trans/Tcos/TsrcWV excl TX/ETT"/>
        <s v="1632    Dist All Cos-Retail Cust Only"/>
        <s v="Ceredo Plant"/>
        <s v="215    APCO Generation"/>
        <s v="Rockport Plant"/>
        <s v="Wilkes Plant"/>
      </sharedItems>
    </cacheField>
    <cacheField name="Benefiting Loc Level 6" numFmtId="0">
      <sharedItems/>
    </cacheField>
    <cacheField name="Benefiting Loc Level 5" numFmtId="0">
      <sharedItems/>
    </cacheField>
    <cacheField name="Act $" numFmtId="165">
      <sharedItems containsSemiMixedTypes="0" containsString="0" containsNumber="1" minValue="-48670334.210000001" maxValue="186524496.47"/>
    </cacheField>
    <cacheField name="Ctrl $" numFmtId="165">
      <sharedItems containsSemiMixedTypes="0" containsString="0" containsNumber="1" minValue="-927000" maxValue="12036178"/>
    </cacheField>
    <cacheField name="Fore $" numFmtId="165">
      <sharedItems containsSemiMixedTypes="0" containsString="0" containsNumber="1" minValue="-910768.68" maxValue="4916945.3890000004"/>
    </cacheField>
    <cacheField name="Wrk Fore $" numFmtId="165">
      <sharedItems containsSemiMixedTypes="0" containsString="0" containsNumber="1" minValue="-48670334.210000001" maxValue="48670334.210000001"/>
    </cacheField>
    <cacheField name="Update Q2 $" numFmtId="165">
      <sharedItems containsSemiMixedTypes="0" containsString="0" containsNumber="1" minValue="-47809116.850000001" maxValue="47809116.850000001"/>
    </cacheField>
    <cacheField name="Update Q3 $" numFmtId="165">
      <sharedItems containsSemiMixedTypes="0" containsString="0" containsNumber="1" minValue="-40090585.659999996" maxValue="40090585.659999996"/>
    </cacheField>
    <cacheField name="Plant" numFmtId="0">
      <sharedItems count="3">
        <s v="Mitchell Plant"/>
        <s v="Non Plant"/>
        <s v="Big Sandy Plant"/>
      </sharedItems>
    </cacheField>
    <cacheField name="Labor" numFmtId="0">
      <sharedItems count="2">
        <s v="Non Labor"/>
        <s v="Internal Labor"/>
      </sharedItems>
    </cacheField>
    <cacheField name="Year Ending May" numFmtId="0">
      <sharedItems containsSemiMixedTypes="0" containsString="0" containsNumber="1" containsInteger="1" minValue="2023" maxValue="2030" count="8">
        <n v="2025"/>
        <n v="2024"/>
        <n v="2023"/>
        <n v="2028"/>
        <n v="2026"/>
        <n v="2027"/>
        <n v="2029"/>
        <n v="2030"/>
      </sharedItems>
    </cacheField>
    <cacheField name="Account Grouping" numFmtId="0">
      <sharedItems count="11">
        <s v="Steam Maint"/>
        <s v="Other Ops"/>
        <s v="Ash/Gypsum Handling"/>
        <s v="Steam Ops"/>
        <s v="Other Pwr Sup"/>
        <s v="Purch Pwr"/>
        <s v="Fuel Consumed"/>
        <s v="Consumables"/>
        <s v="Solar/Wind Ops"/>
        <s v="Other Maint"/>
        <s v="Solar/Wind Maint"/>
      </sharedItems>
    </cacheField>
    <cacheField name="Yr-Period" numFmtId="0">
      <sharedItems/>
    </cacheField>
    <cacheField name="Amt $" numFmtId="43">
      <sharedItems containsSemiMixedTypes="0" containsString="0" containsNumber="1" minValue="-48670334.210000001" maxValue="48670334.210000001"/>
    </cacheField>
    <cacheField name="Prj Typ Grp" numFmtId="0">
      <sharedItems count="7">
        <s v="BCO"/>
        <s v="OTH"/>
        <s v="NOMI"/>
        <s v="PO"/>
        <s v="FO"/>
        <s v="Cap Wk"/>
        <s v="OO"/>
      </sharedItems>
    </cacheField>
    <cacheField name="Acct Grp Witness Dash" numFmtId="0">
      <sharedItems count="8">
        <s v="Steam Maintenance"/>
        <s v="Other COS"/>
        <s v="Steam Operation"/>
        <s v="Other Power Supply"/>
        <s v="Other Power Operating"/>
        <s v="Other Power Maintenance"/>
        <s v="Nuclear Power Operating"/>
        <s v="Solar &amp; Wind O&amp;M"/>
      </sharedItems>
    </cacheField>
    <cacheField name="Acct Grping Prior" numFmtId="0">
      <sharedItems count="12">
        <s v="Steam Maintenance"/>
        <s v="Other Ops"/>
        <s v="Fuel Handling"/>
        <s v="Steam Operations"/>
        <s v="Other Pwr Sup"/>
        <s v="Purch Pwr"/>
        <s v="Allowances"/>
        <s v="Fuel"/>
        <s v="Consumables"/>
        <s v="Gypsum"/>
        <s v="Other Maint"/>
        <s v="Ash Sales"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4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5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6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A9AB0E66-41E5-422C-9094-04BBCBABAA95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4:E8" firstHeaderRow="1" firstDataRow="2" firstDataCol="1" rowPageCount="2" colPageCount="1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587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 defaultSubtotal="0">
      <items count="114">
        <item x="4"/>
        <item x="92"/>
        <item x="2"/>
        <item x="14"/>
        <item x="57"/>
        <item x="79"/>
        <item x="89"/>
        <item x="39"/>
        <item x="25"/>
        <item x="19"/>
        <item x="95"/>
        <item x="27"/>
        <item x="29"/>
        <item x="82"/>
        <item x="100"/>
        <item x="78"/>
        <item x="17"/>
        <item x="44"/>
        <item x="67"/>
        <item x="30"/>
        <item x="16"/>
        <item x="73"/>
        <item x="101"/>
        <item x="15"/>
        <item x="21"/>
        <item x="3"/>
        <item x="42"/>
        <item x="96"/>
        <item x="97"/>
        <item x="71"/>
        <item x="45"/>
        <item x="113"/>
        <item x="9"/>
        <item x="108"/>
        <item x="59"/>
        <item x="112"/>
        <item x="6"/>
        <item x="0"/>
        <item x="5"/>
        <item x="69"/>
        <item x="50"/>
        <item x="24"/>
        <item x="41"/>
        <item x="102"/>
        <item x="110"/>
        <item x="58"/>
        <item x="98"/>
        <item x="26"/>
        <item x="65"/>
        <item x="70"/>
        <item x="53"/>
        <item x="1"/>
        <item x="34"/>
        <item x="31"/>
        <item x="32"/>
        <item x="63"/>
        <item x="91"/>
        <item x="38"/>
        <item x="35"/>
        <item x="103"/>
        <item x="107"/>
        <item x="77"/>
        <item x="52"/>
        <item x="75"/>
        <item x="64"/>
        <item x="93"/>
        <item x="23"/>
        <item x="76"/>
        <item x="94"/>
        <item x="62"/>
        <item x="22"/>
        <item x="40"/>
        <item x="66"/>
        <item x="20"/>
        <item x="33"/>
        <item x="43"/>
        <item x="28"/>
        <item x="81"/>
        <item x="99"/>
        <item x="85"/>
        <item x="105"/>
        <item x="36"/>
        <item x="83"/>
        <item x="48"/>
        <item x="12"/>
        <item x="11"/>
        <item x="47"/>
        <item x="46"/>
        <item x="49"/>
        <item x="51"/>
        <item x="68"/>
        <item x="54"/>
        <item x="86"/>
        <item x="80"/>
        <item x="13"/>
        <item x="84"/>
        <item x="10"/>
        <item x="90"/>
        <item x="55"/>
        <item x="8"/>
        <item x="88"/>
        <item x="60"/>
        <item x="7"/>
        <item x="111"/>
        <item x="106"/>
        <item x="56"/>
        <item x="109"/>
        <item x="61"/>
        <item x="72"/>
        <item x="37"/>
        <item x="104"/>
        <item x="87"/>
        <item x="74"/>
        <item x="18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axis="axisCol" compact="0" outline="0" showAll="0">
      <items count="4">
        <item x="2"/>
        <item x="0"/>
        <item x="1"/>
        <item t="default"/>
      </items>
    </pivotField>
    <pivotField axis="axisPage" compact="0" outline="0" showAll="0">
      <items count="3">
        <item sd="0" x="1"/>
        <item x="0"/>
        <item t="default"/>
      </items>
    </pivotField>
    <pivotField axis="axisPage" compact="0" outline="0" multipleItemSelectionAllowed="1" showAll="0">
      <items count="9">
        <item h="1" x="2"/>
        <item h="1" x="1"/>
        <item x="0"/>
        <item h="1" x="4"/>
        <item h="1" x="5"/>
        <item h="1" x="3"/>
        <item h="1" x="6"/>
        <item h="1" x="7"/>
        <item t="default"/>
      </items>
    </pivotField>
    <pivotField axis="axisRow" compact="0" outline="0" multipleItemSelectionAllowed="1" showAll="0">
      <items count="12">
        <item h="1" x="2"/>
        <item h="1" x="7"/>
        <item h="1" x="6"/>
        <item h="1" x="9"/>
        <item h="1" x="1"/>
        <item h="1" x="4"/>
        <item h="1" x="5"/>
        <item h="1" x="10"/>
        <item h="1" x="8"/>
        <item x="0"/>
        <item x="3"/>
        <item t="default"/>
      </items>
    </pivotField>
    <pivotField compact="0" outline="0" showAll="0"/>
    <pivotField dataField="1" compact="0" numFmtId="43" outline="0" showAll="0"/>
    <pivotField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compact="0" outline="0" showAll="0" sortType="ascending"/>
    <pivotField compact="0" outline="0" showAll="0"/>
  </pivotFields>
  <rowFields count="1">
    <field x="64"/>
  </rowFields>
  <rowItems count="3">
    <i>
      <x v="9"/>
    </i>
    <i>
      <x v="10"/>
    </i>
    <i t="grand">
      <x/>
    </i>
  </rowItems>
  <colFields count="1">
    <field x="61"/>
  </colFields>
  <colItems count="4">
    <i>
      <x/>
    </i>
    <i>
      <x v="1"/>
    </i>
    <i>
      <x v="2"/>
    </i>
    <i t="grand">
      <x/>
    </i>
  </colItems>
  <pageFields count="2">
    <pageField fld="63" hier="-1"/>
    <pageField fld="62" item="1" hier="-1"/>
  </pageFields>
  <dataFields count="1">
    <dataField name="Sum of Amt $" fld="66" baseField="0" baseItem="0" numFmtId="43"/>
  </dataFields>
  <formats count="1">
    <format dxfId="5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415F789D-DD85-491A-9FAD-06F384157A0A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4:G98" firstHeaderRow="1" firstDataRow="2" firstDataCol="4" rowPageCount="1" colPageCount="1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Row" compact="0" outline="0" showAll="0" defaultSubtotal="0">
      <items count="47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</items>
    </pivotField>
    <pivotField compact="0" outline="0" showAll="0"/>
    <pivotField axis="axisRow" compact="0" outline="0" showAll="0" defaultSubtotal="0">
      <items count="586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Row" compact="0" outline="0" showAll="0" defaultSubtotal="0">
      <items count="114">
        <item sd="0" x="4"/>
        <item sd="0" x="92"/>
        <item sd="0" x="2"/>
        <item sd="0" x="14"/>
        <item sd="0" x="57"/>
        <item sd="0" x="79"/>
        <item sd="0" x="89"/>
        <item sd="0" x="39"/>
        <item sd="0" x="25"/>
        <item sd="0" x="19"/>
        <item sd="0" x="95"/>
        <item sd="0" x="27"/>
        <item sd="0" x="29"/>
        <item sd="0" x="82"/>
        <item sd="0" x="100"/>
        <item sd="0" x="78"/>
        <item sd="0" x="17"/>
        <item sd="0" x="44"/>
        <item sd="0" x="67"/>
        <item sd="0" x="30"/>
        <item sd="0" x="16"/>
        <item sd="0" x="73"/>
        <item sd="0" x="101"/>
        <item sd="0" x="15"/>
        <item sd="0" x="21"/>
        <item sd="0" x="3"/>
        <item sd="0" x="42"/>
        <item sd="0" x="96"/>
        <item sd="0" x="97"/>
        <item sd="0" x="71"/>
        <item sd="0" x="45"/>
        <item sd="0" x="113"/>
        <item sd="0" x="9"/>
        <item sd="0" x="108"/>
        <item sd="0" x="59"/>
        <item sd="0" x="112"/>
        <item sd="0" x="6"/>
        <item sd="0" x="0"/>
        <item sd="0" x="5"/>
        <item sd="0" x="69"/>
        <item sd="0" x="50"/>
        <item sd="0" x="24"/>
        <item sd="0" x="41"/>
        <item sd="0" x="102"/>
        <item sd="0" x="110"/>
        <item sd="0" x="58"/>
        <item sd="0" x="98"/>
        <item sd="0" x="26"/>
        <item sd="0" x="65"/>
        <item sd="0" x="70"/>
        <item sd="0" x="53"/>
        <item sd="0" x="1"/>
        <item sd="0" x="34"/>
        <item sd="0" x="31"/>
        <item sd="0" x="32"/>
        <item sd="0" x="63"/>
        <item sd="0" x="91"/>
        <item sd="0" x="38"/>
        <item sd="0" x="35"/>
        <item sd="0" x="103"/>
        <item sd="0" x="107"/>
        <item sd="0" x="77"/>
        <item sd="0" x="52"/>
        <item sd="0" x="75"/>
        <item sd="0" x="64"/>
        <item sd="0" x="93"/>
        <item sd="0" x="23"/>
        <item sd="0" x="76"/>
        <item sd="0" x="94"/>
        <item sd="0" x="62"/>
        <item sd="0" x="22"/>
        <item sd="0" x="40"/>
        <item sd="0" x="66"/>
        <item sd="0" x="20"/>
        <item sd="0" x="33"/>
        <item sd="0" x="43"/>
        <item sd="0" x="28"/>
        <item sd="0" x="81"/>
        <item sd="0" x="99"/>
        <item sd="0" x="85"/>
        <item sd="0" x="105"/>
        <item sd="0" x="36"/>
        <item sd="0" x="83"/>
        <item sd="0" x="48"/>
        <item sd="0" x="12"/>
        <item sd="0" x="11"/>
        <item sd="0" x="47"/>
        <item sd="0" x="46"/>
        <item sd="0" x="49"/>
        <item sd="0" x="51"/>
        <item sd="0" x="68"/>
        <item sd="0" x="54"/>
        <item sd="0" x="86"/>
        <item sd="0" x="80"/>
        <item sd="0" x="13"/>
        <item sd="0" x="84"/>
        <item sd="0" x="10"/>
        <item sd="0" x="90"/>
        <item sd="0" x="55"/>
        <item sd="0" x="8"/>
        <item sd="0" x="88"/>
        <item x="60"/>
        <item x="7"/>
        <item sd="0" x="111"/>
        <item sd="0" x="106"/>
        <item sd="0" x="56"/>
        <item sd="0" x="109"/>
        <item sd="0" x="61"/>
        <item sd="0" x="72"/>
        <item sd="0" x="37"/>
        <item sd="0" x="104"/>
        <item sd="0" x="87"/>
        <item sd="0" x="74"/>
        <item sd="0" x="18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91">
        <item x="78"/>
        <item x="80"/>
        <item x="82"/>
        <item x="23"/>
        <item x="1"/>
        <item x="14"/>
        <item x="67"/>
        <item x="41"/>
        <item x="21"/>
        <item x="8"/>
        <item x="71"/>
        <item x="25"/>
        <item x="58"/>
        <item x="63"/>
        <item x="19"/>
        <item x="47"/>
        <item x="32"/>
        <item x="76"/>
        <item x="13"/>
        <item x="88"/>
        <item x="55"/>
        <item x="87"/>
        <item x="24"/>
        <item x="60"/>
        <item x="22"/>
        <item x="84"/>
        <item x="20"/>
        <item x="43"/>
        <item x="59"/>
        <item x="38"/>
        <item x="69"/>
        <item x="36"/>
        <item x="62"/>
        <item x="64"/>
        <item x="18"/>
        <item x="31"/>
        <item x="11"/>
        <item x="74"/>
        <item x="86"/>
        <item x="85"/>
        <item x="39"/>
        <item x="52"/>
        <item x="77"/>
        <item x="6"/>
        <item x="42"/>
        <item x="5"/>
        <item x="37"/>
        <item x="89"/>
        <item x="17"/>
        <item x="54"/>
        <item x="35"/>
        <item x="70"/>
        <item x="56"/>
        <item x="28"/>
        <item x="73"/>
        <item x="34"/>
        <item x="7"/>
        <item x="4"/>
        <item x="57"/>
        <item x="9"/>
        <item x="75"/>
        <item x="12"/>
        <item x="61"/>
        <item x="29"/>
        <item x="51"/>
        <item x="46"/>
        <item x="30"/>
        <item x="65"/>
        <item x="50"/>
        <item x="0"/>
        <item x="3"/>
        <item x="48"/>
        <item x="44"/>
        <item x="72"/>
        <item x="83"/>
        <item x="2"/>
        <item x="26"/>
        <item x="33"/>
        <item x="68"/>
        <item x="81"/>
        <item x="79"/>
        <item x="66"/>
        <item x="40"/>
        <item x="16"/>
        <item x="15"/>
        <item x="10"/>
        <item x="27"/>
        <item x="45"/>
        <item x="49"/>
        <item x="53"/>
        <item t="default"/>
      </items>
    </pivotField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axis="axisCol" compact="0" outline="0" showAll="0">
      <items count="4">
        <item x="2"/>
        <item x="0"/>
        <item x="1"/>
        <item t="default"/>
      </items>
    </pivotField>
    <pivotField compact="0" outline="0" showAll="0">
      <items count="3">
        <item sd="0" x="1"/>
        <item x="0"/>
        <item t="default"/>
      </items>
    </pivotField>
    <pivotField axis="axisPage" compact="0" outline="0" multipleItemSelectionAllowed="1" showAll="0">
      <items count="9">
        <item h="1" x="2"/>
        <item h="1" x="1"/>
        <item x="0"/>
        <item h="1" x="4"/>
        <item h="1" x="5"/>
        <item h="1" x="3"/>
        <item h="1" x="6"/>
        <item h="1" x="7"/>
        <item t="default"/>
      </items>
    </pivotField>
    <pivotField axis="axisRow" compact="0" outline="0" multipleItemSelectionAllowed="1" showAll="0">
      <items count="12">
        <item h="1" x="2"/>
        <item h="1" x="7"/>
        <item h="1" x="6"/>
        <item h="1" x="9"/>
        <item h="1" x="1"/>
        <item x="4"/>
        <item h="1" x="5"/>
        <item h="1" x="10"/>
        <item h="1" x="8"/>
        <item h="1" x="0"/>
        <item h="1" x="3"/>
        <item t="default"/>
      </items>
    </pivotField>
    <pivotField compact="0" outline="0" showAll="0"/>
    <pivotField dataField="1" compact="0" numFmtId="43" outline="0" showAll="0"/>
    <pivotField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compact="0" outline="0" showAll="0" sortType="ascending"/>
    <pivotField compact="0" outline="0" showAll="0"/>
  </pivotFields>
  <rowFields count="4">
    <field x="64"/>
    <field x="39"/>
    <field x="7"/>
    <field x="5"/>
  </rowFields>
  <rowItems count="93">
    <i>
      <x v="5"/>
      <x v="60"/>
    </i>
    <i r="1">
      <x v="61"/>
    </i>
    <i r="1">
      <x v="62"/>
    </i>
    <i r="1">
      <x v="101"/>
      <x v="39"/>
      <x v="3"/>
    </i>
    <i r="3">
      <x v="17"/>
    </i>
    <i r="3">
      <x v="22"/>
    </i>
    <i r="3">
      <x v="30"/>
    </i>
    <i r="2">
      <x v="40"/>
      <x v="17"/>
    </i>
    <i r="3">
      <x v="22"/>
    </i>
    <i r="3">
      <x v="30"/>
    </i>
    <i r="2">
      <x v="46"/>
      <x v="1"/>
    </i>
    <i r="3">
      <x v="16"/>
    </i>
    <i r="2">
      <x v="64"/>
      <x v="22"/>
    </i>
    <i r="2">
      <x v="65"/>
      <x v="1"/>
    </i>
    <i r="3">
      <x v="16"/>
    </i>
    <i r="3">
      <x v="26"/>
    </i>
    <i r="2">
      <x v="67"/>
      <x v="12"/>
    </i>
    <i r="3">
      <x v="34"/>
    </i>
    <i r="2">
      <x v="551"/>
      <x v="3"/>
    </i>
    <i r="3">
      <x v="17"/>
    </i>
    <i r="3">
      <x v="30"/>
    </i>
    <i r="1">
      <x v="102"/>
      <x v="1"/>
      <x v="20"/>
    </i>
    <i r="2">
      <x v="7"/>
      <x v="3"/>
    </i>
    <i r="3">
      <x v="28"/>
    </i>
    <i r="2">
      <x v="23"/>
      <x v="6"/>
    </i>
    <i r="2">
      <x v="29"/>
      <x v="1"/>
    </i>
    <i r="2">
      <x v="39"/>
      <x v="1"/>
    </i>
    <i r="3">
      <x v="3"/>
    </i>
    <i r="3">
      <x v="6"/>
    </i>
    <i r="3">
      <x v="12"/>
    </i>
    <i r="3">
      <x v="15"/>
    </i>
    <i r="3">
      <x v="16"/>
    </i>
    <i r="3">
      <x v="17"/>
    </i>
    <i r="3">
      <x v="22"/>
    </i>
    <i r="3">
      <x v="30"/>
    </i>
    <i r="3">
      <x v="33"/>
    </i>
    <i r="2">
      <x v="40"/>
      <x/>
    </i>
    <i r="3">
      <x v="1"/>
    </i>
    <i r="3">
      <x v="2"/>
    </i>
    <i r="3">
      <x v="3"/>
    </i>
    <i r="3">
      <x v="6"/>
    </i>
    <i r="3">
      <x v="16"/>
    </i>
    <i r="3">
      <x v="17"/>
    </i>
    <i r="3">
      <x v="30"/>
    </i>
    <i r="2">
      <x v="46"/>
      <x v="1"/>
    </i>
    <i r="3">
      <x v="6"/>
    </i>
    <i r="3">
      <x v="8"/>
    </i>
    <i r="3">
      <x v="16"/>
    </i>
    <i r="3">
      <x v="17"/>
    </i>
    <i r="3">
      <x v="28"/>
    </i>
    <i r="2">
      <x v="47"/>
      <x v="2"/>
    </i>
    <i r="2">
      <x v="50"/>
      <x v="6"/>
    </i>
    <i r="2">
      <x v="64"/>
      <x v="6"/>
    </i>
    <i r="3">
      <x v="22"/>
    </i>
    <i r="2">
      <x v="65"/>
      <x v="1"/>
    </i>
    <i r="3">
      <x v="6"/>
    </i>
    <i r="3">
      <x v="8"/>
    </i>
    <i r="3">
      <x v="16"/>
    </i>
    <i r="3">
      <x v="17"/>
    </i>
    <i r="3">
      <x v="26"/>
    </i>
    <i r="3">
      <x v="28"/>
    </i>
    <i r="2">
      <x v="67"/>
      <x/>
    </i>
    <i r="3">
      <x v="3"/>
    </i>
    <i r="3">
      <x v="6"/>
    </i>
    <i r="3">
      <x v="12"/>
    </i>
    <i r="3">
      <x v="34"/>
    </i>
    <i r="2">
      <x v="70"/>
      <x v="28"/>
    </i>
    <i r="3">
      <x v="30"/>
    </i>
    <i r="2">
      <x v="79"/>
      <x v="1"/>
    </i>
    <i r="3">
      <x v="16"/>
    </i>
    <i r="2">
      <x v="89"/>
      <x v="6"/>
    </i>
    <i r="2">
      <x v="95"/>
      <x v="6"/>
    </i>
    <i r="2">
      <x v="532"/>
      <x v="28"/>
    </i>
    <i r="2">
      <x v="535"/>
      <x v="6"/>
    </i>
    <i r="2">
      <x v="536"/>
      <x v="6"/>
    </i>
    <i r="3">
      <x v="17"/>
    </i>
    <i r="2">
      <x v="551"/>
      <x/>
    </i>
    <i r="3">
      <x v="1"/>
    </i>
    <i r="3">
      <x v="3"/>
    </i>
    <i r="3">
      <x v="17"/>
    </i>
    <i r="3">
      <x v="30"/>
    </i>
    <i r="3">
      <x v="33"/>
    </i>
    <i r="2">
      <x v="554"/>
      <x v="17"/>
    </i>
    <i r="2">
      <x v="558"/>
      <x v="15"/>
    </i>
    <i r="2">
      <x v="561"/>
      <x v="3"/>
    </i>
    <i r="2">
      <x v="562"/>
      <x v="3"/>
    </i>
    <i r="3">
      <x v="28"/>
    </i>
    <i r="2">
      <x v="576"/>
      <x v="17"/>
    </i>
    <i r="1">
      <x v="103"/>
    </i>
    <i r="1">
      <x v="105"/>
    </i>
    <i r="1">
      <x v="106"/>
    </i>
    <i t="default">
      <x v="5"/>
    </i>
    <i t="grand">
      <x/>
    </i>
  </rowItems>
  <colFields count="1">
    <field x="61"/>
  </colFields>
  <colItems count="3">
    <i>
      <x v="1"/>
    </i>
    <i>
      <x v="2"/>
    </i>
    <i t="grand">
      <x/>
    </i>
  </colItems>
  <pageFields count="1">
    <pageField fld="63" hier="-1"/>
  </pageFields>
  <dataFields count="1">
    <dataField name="Sum of Amt $" fld="66" baseField="0" baseItem="0" numFmtId="43"/>
  </dataFields>
  <formats count="1">
    <format dxfId="4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7C19F9A3-8385-448C-B351-789420F0A757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4:G29" firstHeaderRow="1" firstDataRow="2" firstDataCol="5" rowPageCount="1" colPageCount="1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Row" compact="0" outline="0" showAll="0" defaultSubtotal="0">
      <items count="47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</items>
    </pivotField>
    <pivotField compact="0" outline="0" showAll="0"/>
    <pivotField axis="axisRow" compact="0" outline="0" showAll="0" defaultSubtotal="0">
      <items count="586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>
      <items count="60">
        <item x="36"/>
        <item x="23"/>
        <item x="37"/>
        <item x="29"/>
        <item x="3"/>
        <item x="28"/>
        <item x="31"/>
        <item x="24"/>
        <item x="40"/>
        <item x="32"/>
        <item x="41"/>
        <item x="5"/>
        <item x="56"/>
        <item x="21"/>
        <item x="30"/>
        <item x="22"/>
        <item x="9"/>
        <item x="53"/>
        <item x="51"/>
        <item x="55"/>
        <item x="25"/>
        <item x="26"/>
        <item x="7"/>
        <item x="58"/>
        <item x="27"/>
        <item x="45"/>
        <item x="33"/>
        <item x="18"/>
        <item x="16"/>
        <item x="54"/>
        <item x="44"/>
        <item x="17"/>
        <item x="13"/>
        <item x="35"/>
        <item x="57"/>
        <item x="46"/>
        <item x="12"/>
        <item x="6"/>
        <item x="34"/>
        <item x="42"/>
        <item x="20"/>
        <item x="38"/>
        <item x="43"/>
        <item x="50"/>
        <item x="11"/>
        <item x="47"/>
        <item x="49"/>
        <item x="15"/>
        <item x="0"/>
        <item x="52"/>
        <item x="48"/>
        <item x="39"/>
        <item x="10"/>
        <item x="19"/>
        <item x="2"/>
        <item x="4"/>
        <item x="1"/>
        <item x="8"/>
        <item x="14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Row" compact="0" outline="0" showAll="0" defaultSubtotal="0">
      <items count="114">
        <item x="4"/>
        <item x="92"/>
        <item x="2"/>
        <item x="14"/>
        <item x="57"/>
        <item x="79"/>
        <item x="89"/>
        <item x="39"/>
        <item x="25"/>
        <item x="19"/>
        <item x="95"/>
        <item x="27"/>
        <item x="29"/>
        <item x="82"/>
        <item x="100"/>
        <item x="78"/>
        <item x="17"/>
        <item x="44"/>
        <item x="67"/>
        <item x="30"/>
        <item x="16"/>
        <item x="73"/>
        <item x="101"/>
        <item x="15"/>
        <item x="21"/>
        <item x="3"/>
        <item x="42"/>
        <item x="96"/>
        <item x="97"/>
        <item x="71"/>
        <item x="45"/>
        <item x="113"/>
        <item x="9"/>
        <item x="108"/>
        <item x="59"/>
        <item x="112"/>
        <item x="6"/>
        <item x="0"/>
        <item x="5"/>
        <item x="69"/>
        <item x="50"/>
        <item x="24"/>
        <item x="41"/>
        <item x="102"/>
        <item x="110"/>
        <item x="58"/>
        <item x="98"/>
        <item x="26"/>
        <item x="65"/>
        <item x="70"/>
        <item x="53"/>
        <item x="1"/>
        <item x="34"/>
        <item x="31"/>
        <item x="32"/>
        <item x="63"/>
        <item x="91"/>
        <item x="38"/>
        <item x="35"/>
        <item x="103"/>
        <item x="107"/>
        <item x="77"/>
        <item x="52"/>
        <item x="75"/>
        <item x="64"/>
        <item x="93"/>
        <item x="23"/>
        <item x="76"/>
        <item x="94"/>
        <item x="62"/>
        <item x="22"/>
        <item x="40"/>
        <item x="66"/>
        <item x="20"/>
        <item x="33"/>
        <item x="43"/>
        <item x="28"/>
        <item x="81"/>
        <item x="99"/>
        <item x="85"/>
        <item x="105"/>
        <item x="36"/>
        <item x="83"/>
        <item x="48"/>
        <item x="12"/>
        <item x="11"/>
        <item x="47"/>
        <item x="46"/>
        <item x="49"/>
        <item x="51"/>
        <item x="68"/>
        <item x="54"/>
        <item x="86"/>
        <item x="80"/>
        <item x="13"/>
        <item x="84"/>
        <item x="10"/>
        <item x="90"/>
        <item x="55"/>
        <item x="8"/>
        <item x="88"/>
        <item x="60"/>
        <item x="7"/>
        <item x="111"/>
        <item x="106"/>
        <item x="56"/>
        <item x="109"/>
        <item x="61"/>
        <item x="72"/>
        <item x="37"/>
        <item x="104"/>
        <item x="87"/>
        <item x="74"/>
        <item x="18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Row" compact="0" outline="0" showAll="0">
      <items count="91">
        <item x="78"/>
        <item x="80"/>
        <item x="82"/>
        <item x="23"/>
        <item x="1"/>
        <item x="14"/>
        <item x="67"/>
        <item x="41"/>
        <item x="21"/>
        <item x="8"/>
        <item x="71"/>
        <item x="25"/>
        <item x="58"/>
        <item x="63"/>
        <item x="19"/>
        <item x="47"/>
        <item x="32"/>
        <item x="76"/>
        <item x="13"/>
        <item x="88"/>
        <item x="55"/>
        <item x="87"/>
        <item x="24"/>
        <item x="60"/>
        <item x="22"/>
        <item x="84"/>
        <item x="20"/>
        <item x="43"/>
        <item x="59"/>
        <item x="38"/>
        <item x="69"/>
        <item x="36"/>
        <item x="62"/>
        <item x="64"/>
        <item x="18"/>
        <item x="31"/>
        <item x="11"/>
        <item x="74"/>
        <item x="86"/>
        <item x="85"/>
        <item x="39"/>
        <item x="52"/>
        <item x="77"/>
        <item x="6"/>
        <item x="42"/>
        <item x="5"/>
        <item x="37"/>
        <item x="89"/>
        <item x="17"/>
        <item x="54"/>
        <item x="35"/>
        <item x="70"/>
        <item x="56"/>
        <item x="28"/>
        <item x="73"/>
        <item x="34"/>
        <item x="7"/>
        <item x="4"/>
        <item x="57"/>
        <item x="9"/>
        <item x="75"/>
        <item x="12"/>
        <item x="61"/>
        <item x="29"/>
        <item x="51"/>
        <item x="46"/>
        <item x="30"/>
        <item x="65"/>
        <item x="50"/>
        <item x="0"/>
        <item x="3"/>
        <item x="48"/>
        <item x="44"/>
        <item x="72"/>
        <item x="83"/>
        <item x="2"/>
        <item x="26"/>
        <item x="33"/>
        <item x="68"/>
        <item x="81"/>
        <item x="79"/>
        <item x="66"/>
        <item x="40"/>
        <item x="16"/>
        <item x="15"/>
        <item x="10"/>
        <item x="27"/>
        <item x="45"/>
        <item x="49"/>
        <item x="53"/>
        <item t="default"/>
      </items>
    </pivotField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axis="axisCol" compact="0" outline="0" showAll="0">
      <items count="4">
        <item x="2"/>
        <item x="0"/>
        <item x="1"/>
        <item t="default"/>
      </items>
    </pivotField>
    <pivotField compact="0" outline="0" showAll="0">
      <items count="3">
        <item sd="0" x="1"/>
        <item x="0"/>
        <item t="default"/>
      </items>
    </pivotField>
    <pivotField axis="axisPage" compact="0" outline="0" multipleItemSelectionAllowed="1" showAll="0">
      <items count="9">
        <item h="1" x="2"/>
        <item h="1" x="1"/>
        <item x="0"/>
        <item h="1" x="4"/>
        <item h="1" x="5"/>
        <item h="1" x="3"/>
        <item h="1" x="6"/>
        <item h="1" x="7"/>
        <item t="default"/>
      </items>
    </pivotField>
    <pivotField axis="axisRow" compact="0" outline="0" multipleItemSelectionAllowed="1" showAll="0">
      <items count="12">
        <item h="1" x="2"/>
        <item h="1" x="7"/>
        <item h="1" x="6"/>
        <item h="1" x="9"/>
        <item h="1" x="1"/>
        <item h="1" x="4"/>
        <item h="1" x="5"/>
        <item x="10"/>
        <item x="8"/>
        <item h="1" x="0"/>
        <item h="1" x="3"/>
        <item t="default"/>
      </items>
    </pivotField>
    <pivotField compact="0" outline="0" showAll="0"/>
    <pivotField dataField="1" compact="0" numFmtId="43" outline="0" showAll="0"/>
    <pivotField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compact="0" outline="0" showAll="0" sortType="ascending"/>
    <pivotField compact="0" outline="0" showAll="0"/>
  </pivotFields>
  <rowFields count="5">
    <field x="64"/>
    <field x="39"/>
    <field x="7"/>
    <field x="5"/>
    <field x="45"/>
  </rowFields>
  <rowItems count="24">
    <i>
      <x v="7"/>
      <x v="110"/>
      <x v="65"/>
      <x v="28"/>
      <x v="70"/>
    </i>
    <i r="1">
      <x v="112"/>
      <x v="46"/>
      <x v="2"/>
      <x v="70"/>
    </i>
    <i r="3">
      <x v="28"/>
      <x v="70"/>
    </i>
    <i r="2">
      <x v="65"/>
      <x v="2"/>
      <x v="70"/>
    </i>
    <i r="3">
      <x v="28"/>
      <x v="70"/>
    </i>
    <i t="default">
      <x v="7"/>
    </i>
    <i>
      <x v="8"/>
      <x v="107"/>
      <x v="65"/>
      <x v="2"/>
      <x v="70"/>
    </i>
    <i r="2">
      <x v="558"/>
      <x v="28"/>
      <x v="70"/>
    </i>
    <i r="1">
      <x v="108"/>
      <x v="40"/>
      <x v="28"/>
      <x v="70"/>
    </i>
    <i r="2">
      <x v="46"/>
      <x v="2"/>
      <x v="70"/>
    </i>
    <i r="2">
      <x v="65"/>
      <x v="2"/>
      <x v="70"/>
    </i>
    <i r="2">
      <x v="558"/>
      <x v="28"/>
      <x v="70"/>
    </i>
    <i r="1">
      <x v="109"/>
      <x v="46"/>
      <x v="2"/>
      <x v="70"/>
    </i>
    <i r="3">
      <x v="28"/>
      <x v="70"/>
    </i>
    <i r="2">
      <x v="65"/>
      <x v="2"/>
      <x v="70"/>
    </i>
    <i r="3">
      <x v="26"/>
      <x v="70"/>
    </i>
    <i r="3">
      <x v="28"/>
      <x v="70"/>
    </i>
    <i r="2">
      <x v="558"/>
      <x v="28"/>
      <x v="70"/>
    </i>
    <i r="1">
      <x v="111"/>
      <x v="40"/>
      <x v="28"/>
      <x v="70"/>
    </i>
    <i r="2">
      <x v="46"/>
      <x v="28"/>
      <x v="70"/>
    </i>
    <i r="2">
      <x v="65"/>
      <x v="28"/>
      <x v="70"/>
    </i>
    <i r="2">
      <x v="558"/>
      <x v="28"/>
      <x v="70"/>
    </i>
    <i t="default">
      <x v="8"/>
    </i>
    <i t="grand">
      <x/>
    </i>
  </rowItems>
  <colFields count="1">
    <field x="61"/>
  </colFields>
  <colItems count="2">
    <i>
      <x v="2"/>
    </i>
    <i t="grand">
      <x/>
    </i>
  </colItems>
  <pageFields count="1">
    <pageField fld="63" hier="-1"/>
  </pageFields>
  <dataFields count="1">
    <dataField name="Sum of Amt $" fld="66" baseField="0" baseItem="0" numFmtId="43"/>
  </dataFields>
  <formats count="1">
    <format dxfId="3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4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C120A290-03A0-41EC-82A2-B02FDC68D601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3:D21" firstHeaderRow="1" firstDataRow="2" firstDataCol="2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587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 defaultSubtotal="0">
      <items count="114">
        <item x="4"/>
        <item x="92"/>
        <item x="2"/>
        <item x="14"/>
        <item x="57"/>
        <item x="79"/>
        <item x="89"/>
        <item x="39"/>
        <item x="25"/>
        <item x="19"/>
        <item x="95"/>
        <item x="27"/>
        <item x="29"/>
        <item x="82"/>
        <item x="100"/>
        <item x="78"/>
        <item x="17"/>
        <item x="44"/>
        <item x="67"/>
        <item x="30"/>
        <item x="16"/>
        <item x="73"/>
        <item x="101"/>
        <item x="15"/>
        <item x="21"/>
        <item x="3"/>
        <item x="42"/>
        <item x="96"/>
        <item x="97"/>
        <item x="71"/>
        <item x="45"/>
        <item x="113"/>
        <item x="9"/>
        <item x="108"/>
        <item x="59"/>
        <item x="112"/>
        <item x="6"/>
        <item x="0"/>
        <item x="5"/>
        <item x="69"/>
        <item x="50"/>
        <item x="24"/>
        <item x="41"/>
        <item x="102"/>
        <item x="110"/>
        <item x="58"/>
        <item x="98"/>
        <item x="26"/>
        <item x="65"/>
        <item x="70"/>
        <item x="53"/>
        <item x="1"/>
        <item x="34"/>
        <item x="31"/>
        <item x="32"/>
        <item x="63"/>
        <item x="91"/>
        <item x="38"/>
        <item x="35"/>
        <item x="103"/>
        <item x="107"/>
        <item x="77"/>
        <item x="52"/>
        <item x="75"/>
        <item x="64"/>
        <item x="93"/>
        <item x="23"/>
        <item x="76"/>
        <item x="94"/>
        <item x="62"/>
        <item x="22"/>
        <item x="40"/>
        <item x="66"/>
        <item x="20"/>
        <item x="33"/>
        <item x="43"/>
        <item x="28"/>
        <item x="81"/>
        <item x="99"/>
        <item x="85"/>
        <item x="105"/>
        <item x="36"/>
        <item x="83"/>
        <item x="48"/>
        <item x="12"/>
        <item x="11"/>
        <item x="47"/>
        <item x="46"/>
        <item x="49"/>
        <item x="51"/>
        <item x="68"/>
        <item x="54"/>
        <item x="86"/>
        <item x="80"/>
        <item x="13"/>
        <item x="84"/>
        <item x="10"/>
        <item x="90"/>
        <item x="55"/>
        <item x="8"/>
        <item x="88"/>
        <item x="60"/>
        <item x="7"/>
        <item x="111"/>
        <item x="106"/>
        <item x="56"/>
        <item x="109"/>
        <item x="61"/>
        <item x="72"/>
        <item x="37"/>
        <item x="104"/>
        <item x="87"/>
        <item x="74"/>
        <item x="18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outline="0" showAll="0">
      <items count="4">
        <item x="2"/>
        <item x="0"/>
        <item x="1"/>
        <item t="default"/>
      </items>
    </pivotField>
    <pivotField compact="0" outline="0" showAll="0">
      <items count="3">
        <item sd="0" x="1"/>
        <item x="0"/>
        <item t="default"/>
      </items>
    </pivotField>
    <pivotField axis="axisCol" compact="0" outline="0" showAll="0">
      <items count="9">
        <item h="1" x="2"/>
        <item h="1" x="1"/>
        <item x="0"/>
        <item h="1" x="4"/>
        <item h="1" x="5"/>
        <item h="1" x="3"/>
        <item h="1" x="6"/>
        <item h="1" x="7"/>
        <item t="default"/>
      </items>
    </pivotField>
    <pivotField axis="axisRow" compact="0" outline="0" multipleItemSelectionAllowed="1" showAll="0">
      <items count="12">
        <item x="2"/>
        <item x="7"/>
        <item x="6"/>
        <item x="9"/>
        <item x="1"/>
        <item x="4"/>
        <item x="5"/>
        <item x="10"/>
        <item x="8"/>
        <item x="0"/>
        <item x="3"/>
        <item t="default"/>
      </items>
    </pivotField>
    <pivotField compact="0" outline="0" showAll="0"/>
    <pivotField dataField="1" compact="0" numFmtId="43" outline="0" showAll="0"/>
    <pivotField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axis="axisRow" compact="0" outline="0" showAll="0" sortType="ascending">
      <items count="9">
        <item x="6"/>
        <item h="1" x="1"/>
        <item x="5"/>
        <item x="4"/>
        <item x="3"/>
        <item x="7"/>
        <item x="0"/>
        <item x="2"/>
        <item t="default"/>
      </items>
    </pivotField>
    <pivotField compact="0" outline="0" showAll="0"/>
  </pivotFields>
  <rowFields count="2">
    <field x="68"/>
    <field x="64"/>
  </rowFields>
  <rowItems count="17">
    <i>
      <x/>
      <x v="4"/>
    </i>
    <i t="default">
      <x/>
    </i>
    <i>
      <x v="2"/>
      <x v="3"/>
    </i>
    <i t="default">
      <x v="2"/>
    </i>
    <i>
      <x v="3"/>
      <x v="4"/>
    </i>
    <i t="default">
      <x v="3"/>
    </i>
    <i>
      <x v="4"/>
      <x v="5"/>
    </i>
    <i t="default">
      <x v="4"/>
    </i>
    <i>
      <x v="5"/>
      <x v="7"/>
    </i>
    <i r="1">
      <x v="8"/>
    </i>
    <i t="default">
      <x v="5"/>
    </i>
    <i>
      <x v="6"/>
      <x v="9"/>
    </i>
    <i t="default">
      <x v="6"/>
    </i>
    <i>
      <x v="7"/>
      <x v="1"/>
    </i>
    <i r="1">
      <x v="10"/>
    </i>
    <i t="default">
      <x v="7"/>
    </i>
    <i t="grand">
      <x/>
    </i>
  </rowItems>
  <colFields count="1">
    <field x="63"/>
  </colFields>
  <colItems count="2">
    <i>
      <x v="2"/>
    </i>
    <i t="grand">
      <x/>
    </i>
  </colItems>
  <dataFields count="1">
    <dataField name="Sum of Amt $" fld="66" baseField="0" baseItem="0" numFmtId="166"/>
  </dataFields>
  <formats count="1">
    <format dxfId="2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5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40F3C2E9-06C2-441D-A572-A30AD4FD38D2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3:J18" firstHeaderRow="1" firstDataRow="2" firstDataCol="2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587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 defaultSubtotal="0">
      <items count="114">
        <item x="4"/>
        <item x="92"/>
        <item x="2"/>
        <item x="14"/>
        <item x="57"/>
        <item x="79"/>
        <item x="89"/>
        <item x="39"/>
        <item x="25"/>
        <item x="19"/>
        <item x="95"/>
        <item x="27"/>
        <item x="29"/>
        <item x="82"/>
        <item x="100"/>
        <item x="78"/>
        <item x="17"/>
        <item x="44"/>
        <item x="67"/>
        <item x="30"/>
        <item x="16"/>
        <item x="73"/>
        <item x="101"/>
        <item x="15"/>
        <item x="21"/>
        <item x="3"/>
        <item x="42"/>
        <item x="96"/>
        <item x="97"/>
        <item x="71"/>
        <item x="45"/>
        <item x="113"/>
        <item x="9"/>
        <item x="108"/>
        <item x="59"/>
        <item x="112"/>
        <item x="6"/>
        <item x="0"/>
        <item x="5"/>
        <item x="69"/>
        <item x="50"/>
        <item x="24"/>
        <item x="41"/>
        <item x="102"/>
        <item x="110"/>
        <item x="58"/>
        <item x="98"/>
        <item x="26"/>
        <item x="65"/>
        <item x="70"/>
        <item x="53"/>
        <item x="1"/>
        <item x="34"/>
        <item x="31"/>
        <item x="32"/>
        <item x="63"/>
        <item x="91"/>
        <item x="38"/>
        <item x="35"/>
        <item x="103"/>
        <item x="107"/>
        <item x="77"/>
        <item x="52"/>
        <item x="75"/>
        <item x="64"/>
        <item x="93"/>
        <item x="23"/>
        <item x="76"/>
        <item x="94"/>
        <item x="62"/>
        <item x="22"/>
        <item x="40"/>
        <item x="66"/>
        <item x="20"/>
        <item x="33"/>
        <item x="43"/>
        <item x="28"/>
        <item x="81"/>
        <item x="99"/>
        <item x="85"/>
        <item x="105"/>
        <item x="36"/>
        <item x="83"/>
        <item x="48"/>
        <item x="12"/>
        <item x="11"/>
        <item x="47"/>
        <item x="46"/>
        <item x="49"/>
        <item x="51"/>
        <item x="68"/>
        <item x="54"/>
        <item x="86"/>
        <item x="80"/>
        <item x="13"/>
        <item x="84"/>
        <item x="10"/>
        <item x="90"/>
        <item x="55"/>
        <item x="8"/>
        <item x="88"/>
        <item x="60"/>
        <item x="7"/>
        <item x="111"/>
        <item x="106"/>
        <item x="56"/>
        <item x="109"/>
        <item x="61"/>
        <item x="72"/>
        <item x="37"/>
        <item x="104"/>
        <item x="87"/>
        <item x="74"/>
        <item x="18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axis="axisRow" compact="0" outline="0" showAll="0">
      <items count="4">
        <item x="2"/>
        <item x="0"/>
        <item x="1"/>
        <item t="default"/>
      </items>
    </pivotField>
    <pivotField compact="0" outline="0" showAll="0">
      <items count="3">
        <item sd="0" x="1"/>
        <item x="0"/>
        <item t="default"/>
      </items>
    </pivotField>
    <pivotField axis="axisCol" compact="0" outline="0" showAll="0">
      <items count="9">
        <item h="1" x="2"/>
        <item x="1"/>
        <item x="0"/>
        <item x="4"/>
        <item x="5"/>
        <item x="3"/>
        <item x="6"/>
        <item x="7"/>
        <item t="default"/>
      </items>
    </pivotField>
    <pivotField axis="axisRow" compact="0" outline="0" multipleItemSelectionAllowed="1" showAll="0">
      <items count="12">
        <item h="1" x="2"/>
        <item h="1" x="7"/>
        <item h="1" x="6"/>
        <item h="1" x="9"/>
        <item h="1" x="1"/>
        <item x="4"/>
        <item h="1" x="5"/>
        <item x="10"/>
        <item x="8"/>
        <item x="0"/>
        <item x="3"/>
        <item t="default"/>
      </items>
    </pivotField>
    <pivotField compact="0" outline="0" showAll="0"/>
    <pivotField dataField="1" compact="0" numFmtId="43" outline="0" showAll="0"/>
    <pivotField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compact="0" outline="0" showAll="0" sortType="ascending"/>
    <pivotField compact="0" outline="0" showAll="0"/>
  </pivotFields>
  <rowFields count="2">
    <field x="61"/>
    <field x="64"/>
  </rowFields>
  <rowItems count="14">
    <i>
      <x/>
      <x v="9"/>
    </i>
    <i r="1">
      <x v="10"/>
    </i>
    <i t="default">
      <x/>
    </i>
    <i>
      <x v="1"/>
      <x v="5"/>
    </i>
    <i r="1">
      <x v="9"/>
    </i>
    <i r="1">
      <x v="10"/>
    </i>
    <i t="default">
      <x v="1"/>
    </i>
    <i>
      <x v="2"/>
      <x v="5"/>
    </i>
    <i r="1">
      <x v="7"/>
    </i>
    <i r="1">
      <x v="8"/>
    </i>
    <i r="1">
      <x v="9"/>
    </i>
    <i r="1">
      <x v="10"/>
    </i>
    <i t="default">
      <x v="2"/>
    </i>
    <i t="grand">
      <x/>
    </i>
  </rowItems>
  <colFields count="1">
    <field x="63"/>
  </colFields>
  <colItems count="8">
    <i>
      <x v="1"/>
    </i>
    <i>
      <x v="2"/>
    </i>
    <i>
      <x v="3"/>
    </i>
    <i>
      <x v="4"/>
    </i>
    <i>
      <x v="5"/>
    </i>
    <i>
      <x v="6"/>
    </i>
    <i>
      <x v="7"/>
    </i>
    <i t="grand">
      <x/>
    </i>
  </colItems>
  <dataFields count="1">
    <dataField name="Sum of Amt $" fld="66" baseField="0" baseItem="0" numFmtId="43"/>
  </dataFields>
  <formats count="1">
    <format dxfId="1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6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75FF7D38-A434-4976-84DB-A56181F34F01}" name="PivotTable3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compact="0" compactData="0" multipleFieldFilters="0">
  <location ref="A3:K33" firstHeaderRow="1" firstDataRow="2" firstDataCol="3" rowPageCount="1" colPageCount="1"/>
  <pivotFields count="7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587">
        <item x="31"/>
        <item x="22"/>
        <item x="111"/>
        <item x="128"/>
        <item x="402"/>
        <item x="395"/>
        <item x="271"/>
        <item x="14"/>
        <item x="119"/>
        <item x="302"/>
        <item x="74"/>
        <item x="482"/>
        <item x="274"/>
        <item x="55"/>
        <item x="273"/>
        <item x="356"/>
        <item x="150"/>
        <item x="368"/>
        <item x="308"/>
        <item x="565"/>
        <item x="401"/>
        <item x="546"/>
        <item x="390"/>
        <item x="364"/>
        <item x="69"/>
        <item x="459"/>
        <item x="8"/>
        <item x="138"/>
        <item x="427"/>
        <item x="507"/>
        <item x="88"/>
        <item x="3"/>
        <item x="191"/>
        <item x="4"/>
        <item x="109"/>
        <item x="63"/>
        <item x="34"/>
        <item x="40"/>
        <item x="38"/>
        <item x="104"/>
        <item x="263"/>
        <item x="512"/>
        <item x="123"/>
        <item x="89"/>
        <item x="209"/>
        <item x="502"/>
        <item x="45"/>
        <item x="255"/>
        <item x="52"/>
        <item x="106"/>
        <item x="17"/>
        <item x="99"/>
        <item x="16"/>
        <item x="543"/>
        <item x="422"/>
        <item x="560"/>
        <item x="80"/>
        <item x="435"/>
        <item x="399"/>
        <item x="1"/>
        <item x="438"/>
        <item x="417"/>
        <item x="434"/>
        <item x="436"/>
        <item x="125"/>
        <item x="270"/>
        <item x="293"/>
        <item x="37"/>
        <item x="156"/>
        <item x="182"/>
        <item x="141"/>
        <item x="299"/>
        <item x="451"/>
        <item x="528"/>
        <item x="213"/>
        <item x="28"/>
        <item x="359"/>
        <item x="59"/>
        <item x="23"/>
        <item x="20"/>
        <item x="216"/>
        <item x="65"/>
        <item x="491"/>
        <item x="466"/>
        <item x="51"/>
        <item x="42"/>
        <item x="279"/>
        <item x="211"/>
        <item x="579"/>
        <item x="155"/>
        <item x="557"/>
        <item x="585"/>
        <item x="136"/>
        <item x="68"/>
        <item x="39"/>
        <item x="237"/>
        <item x="457"/>
        <item x="544"/>
        <item x="269"/>
        <item x="530"/>
        <item x="265"/>
        <item x="242"/>
        <item x="441"/>
        <item x="11"/>
        <item x="127"/>
        <item x="476"/>
        <item x="326"/>
        <item x="360"/>
        <item x="489"/>
        <item x="81"/>
        <item x="449"/>
        <item x="404"/>
        <item x="85"/>
        <item x="536"/>
        <item x="494"/>
        <item x="503"/>
        <item x="450"/>
        <item x="312"/>
        <item x="487"/>
        <item x="187"/>
        <item x="176"/>
        <item x="430"/>
        <item x="496"/>
        <item x="501"/>
        <item x="83"/>
        <item x="253"/>
        <item x="413"/>
        <item x="337"/>
        <item x="102"/>
        <item x="229"/>
        <item x="520"/>
        <item x="504"/>
        <item x="475"/>
        <item x="367"/>
        <item x="443"/>
        <item x="516"/>
        <item x="316"/>
        <item x="13"/>
        <item x="357"/>
        <item x="283"/>
        <item x="285"/>
        <item x="212"/>
        <item x="277"/>
        <item x="338"/>
        <item x="241"/>
        <item x="440"/>
        <item x="471"/>
        <item x="174"/>
        <item x="336"/>
        <item x="465"/>
        <item x="538"/>
        <item x="230"/>
        <item x="238"/>
        <item x="456"/>
        <item x="531"/>
        <item x="500"/>
        <item x="447"/>
        <item x="480"/>
        <item x="380"/>
        <item x="515"/>
        <item x="355"/>
        <item x="260"/>
        <item x="363"/>
        <item x="353"/>
        <item x="354"/>
        <item x="545"/>
        <item x="100"/>
        <item x="330"/>
        <item x="57"/>
        <item x="200"/>
        <item x="36"/>
        <item x="490"/>
        <item x="262"/>
        <item x="163"/>
        <item x="161"/>
        <item x="321"/>
        <item x="511"/>
        <item x="317"/>
        <item x="339"/>
        <item x="12"/>
        <item x="421"/>
        <item x="94"/>
        <item x="233"/>
        <item x="426"/>
        <item x="580"/>
        <item x="578"/>
        <item x="540"/>
        <item x="71"/>
        <item x="431"/>
        <item x="527"/>
        <item x="463"/>
        <item x="429"/>
        <item x="485"/>
        <item x="493"/>
        <item x="178"/>
        <item x="93"/>
        <item x="410"/>
        <item x="284"/>
        <item x="319"/>
        <item x="415"/>
        <item x="124"/>
        <item x="243"/>
        <item x="219"/>
        <item x="291"/>
        <item x="244"/>
        <item x="294"/>
        <item x="384"/>
        <item x="555"/>
        <item x="296"/>
        <item x="372"/>
        <item x="164"/>
        <item x="210"/>
        <item x="287"/>
        <item x="375"/>
        <item x="534"/>
        <item x="325"/>
        <item x="510"/>
        <item x="583"/>
        <item x="313"/>
        <item x="581"/>
        <item x="408"/>
        <item x="405"/>
        <item x="556"/>
        <item x="342"/>
        <item x="577"/>
        <item x="362"/>
        <item x="290"/>
        <item x="474"/>
        <item x="509"/>
        <item x="206"/>
        <item x="340"/>
        <item x="5"/>
        <item x="333"/>
        <item x="77"/>
        <item x="90"/>
        <item x="160"/>
        <item x="423"/>
        <item x="278"/>
        <item x="409"/>
        <item x="246"/>
        <item x="131"/>
        <item x="117"/>
        <item x="517"/>
        <item x="562"/>
        <item x="574"/>
        <item x="572"/>
        <item x="535"/>
        <item x="524"/>
        <item x="472"/>
        <item x="446"/>
        <item x="575"/>
        <item x="542"/>
        <item x="349"/>
        <item x="149"/>
        <item x="461"/>
        <item x="396"/>
        <item x="523"/>
        <item x="473"/>
        <item x="492"/>
        <item x="103"/>
        <item x="247"/>
        <item x="310"/>
        <item x="458"/>
        <item x="318"/>
        <item x="416"/>
        <item x="584"/>
        <item x="424"/>
        <item x="576"/>
        <item x="369"/>
        <item x="539"/>
        <item x="462"/>
        <item x="361"/>
        <item x="455"/>
        <item x="513"/>
        <item x="514"/>
        <item x="453"/>
        <item x="87"/>
        <item x="448"/>
        <item x="218"/>
        <item x="386"/>
        <item x="130"/>
        <item x="378"/>
        <item x="188"/>
        <item x="387"/>
        <item x="479"/>
        <item x="101"/>
        <item x="439"/>
        <item x="521"/>
        <item x="142"/>
        <item x="508"/>
        <item x="139"/>
        <item x="550"/>
        <item x="452"/>
        <item x="552"/>
        <item x="267"/>
        <item x="553"/>
        <item x="177"/>
        <item x="162"/>
        <item x="198"/>
        <item x="412"/>
        <item x="388"/>
        <item x="126"/>
        <item x="189"/>
        <item x="252"/>
        <item x="268"/>
        <item x="343"/>
        <item x="194"/>
        <item x="328"/>
        <item x="175"/>
        <item x="108"/>
        <item x="346"/>
        <item x="306"/>
        <item x="145"/>
        <item x="406"/>
        <item x="171"/>
        <item x="214"/>
        <item x="275"/>
        <item x="118"/>
        <item x="19"/>
        <item x="183"/>
        <item x="115"/>
        <item x="231"/>
        <item x="84"/>
        <item x="351"/>
        <item x="537"/>
        <item x="105"/>
        <item x="56"/>
        <item x="483"/>
        <item x="199"/>
        <item x="568"/>
        <item x="129"/>
        <item x="329"/>
        <item x="78"/>
        <item x="49"/>
        <item x="204"/>
        <item x="33"/>
        <item x="159"/>
        <item x="292"/>
        <item x="29"/>
        <item x="181"/>
        <item x="158"/>
        <item x="444"/>
        <item x="15"/>
        <item x="382"/>
        <item x="397"/>
        <item x="486"/>
        <item x="332"/>
        <item x="153"/>
        <item x="186"/>
        <item x="113"/>
        <item x="147"/>
        <item x="180"/>
        <item x="195"/>
        <item x="564"/>
        <item x="341"/>
        <item x="348"/>
        <item x="266"/>
        <item x="311"/>
        <item x="469"/>
        <item x="532"/>
        <item x="522"/>
        <item x="407"/>
        <item x="35"/>
        <item x="533"/>
        <item x="373"/>
        <item x="376"/>
        <item x="47"/>
        <item x="25"/>
        <item x="288"/>
        <item x="323"/>
        <item x="168"/>
        <item x="391"/>
        <item x="280"/>
        <item x="495"/>
        <item x="172"/>
        <item x="519"/>
        <item x="322"/>
        <item x="169"/>
        <item x="66"/>
        <item x="569"/>
        <item x="46"/>
        <item x="374"/>
        <item x="7"/>
        <item x="208"/>
        <item x="140"/>
        <item x="470"/>
        <item x="541"/>
        <item x="82"/>
        <item x="371"/>
        <item x="257"/>
        <item x="205"/>
        <item x="254"/>
        <item x="223"/>
        <item x="202"/>
        <item x="196"/>
        <item x="134"/>
        <item x="114"/>
        <item x="44"/>
        <item x="248"/>
        <item x="95"/>
        <item x="207"/>
        <item x="193"/>
        <item x="76"/>
        <item x="518"/>
        <item x="385"/>
        <item x="222"/>
        <item x="184"/>
        <item x="425"/>
        <item x="197"/>
        <item x="442"/>
        <item x="41"/>
        <item x="549"/>
        <item x="358"/>
        <item x="98"/>
        <item x="0"/>
        <item x="460"/>
        <item x="245"/>
        <item x="215"/>
        <item x="62"/>
        <item x="365"/>
        <item x="151"/>
        <item x="558"/>
        <item x="445"/>
        <item x="236"/>
        <item x="499"/>
        <item x="43"/>
        <item x="24"/>
        <item x="60"/>
        <item x="166"/>
        <item x="320"/>
        <item x="179"/>
        <item x="497"/>
        <item x="478"/>
        <item x="389"/>
        <item x="464"/>
        <item x="220"/>
        <item x="566"/>
        <item x="303"/>
        <item x="96"/>
        <item x="185"/>
        <item x="403"/>
        <item x="551"/>
        <item x="570"/>
        <item x="394"/>
        <item x="217"/>
        <item x="327"/>
        <item x="92"/>
        <item x="221"/>
        <item x="58"/>
        <item x="10"/>
        <item x="148"/>
        <item x="314"/>
        <item x="97"/>
        <item x="240"/>
        <item x="300"/>
        <item x="133"/>
        <item x="249"/>
        <item x="477"/>
        <item x="91"/>
        <item x="264"/>
        <item x="392"/>
        <item x="173"/>
        <item x="54"/>
        <item x="334"/>
        <item x="251"/>
        <item x="432"/>
        <item x="420"/>
        <item x="135"/>
        <item x="110"/>
        <item x="379"/>
        <item x="122"/>
        <item x="304"/>
        <item x="18"/>
        <item x="377"/>
        <item x="433"/>
        <item x="120"/>
        <item x="235"/>
        <item x="307"/>
        <item x="481"/>
        <item x="525"/>
        <item x="146"/>
        <item x="107"/>
        <item x="201"/>
        <item x="281"/>
        <item x="70"/>
        <item x="64"/>
        <item x="228"/>
        <item x="309"/>
        <item x="250"/>
        <item x="286"/>
        <item x="165"/>
        <item x="295"/>
        <item x="61"/>
        <item x="467"/>
        <item x="72"/>
        <item x="331"/>
        <item x="324"/>
        <item x="381"/>
        <item x="366"/>
        <item x="259"/>
        <item x="298"/>
        <item x="75"/>
        <item x="567"/>
        <item x="256"/>
        <item x="6"/>
        <item x="383"/>
        <item x="498"/>
        <item x="144"/>
        <item x="289"/>
        <item x="50"/>
        <item x="234"/>
        <item x="345"/>
        <item x="276"/>
        <item x="437"/>
        <item x="170"/>
        <item x="203"/>
        <item x="414"/>
        <item x="419"/>
        <item x="505"/>
        <item x="116"/>
        <item x="547"/>
        <item x="272"/>
        <item x="559"/>
        <item x="370"/>
        <item x="232"/>
        <item x="400"/>
        <item x="428"/>
        <item x="53"/>
        <item x="418"/>
        <item x="526"/>
        <item x="152"/>
        <item x="154"/>
        <item x="190"/>
        <item x="73"/>
        <item x="582"/>
        <item x="305"/>
        <item x="143"/>
        <item x="137"/>
        <item x="167"/>
        <item x="350"/>
        <item x="192"/>
        <item x="315"/>
        <item x="454"/>
        <item x="529"/>
        <item x="225"/>
        <item x="112"/>
        <item x="411"/>
        <item x="157"/>
        <item x="239"/>
        <item x="32"/>
        <item x="26"/>
        <item x="21"/>
        <item x="48"/>
        <item x="227"/>
        <item x="27"/>
        <item x="488"/>
        <item x="344"/>
        <item x="282"/>
        <item x="67"/>
        <item x="506"/>
        <item x="347"/>
        <item x="393"/>
        <item x="30"/>
        <item x="258"/>
        <item x="86"/>
        <item x="9"/>
        <item x="301"/>
        <item x="352"/>
        <item x="573"/>
        <item x="398"/>
        <item x="79"/>
        <item x="261"/>
        <item x="132"/>
        <item x="548"/>
        <item x="561"/>
        <item x="2"/>
        <item x="224"/>
        <item x="571"/>
        <item x="554"/>
        <item x="297"/>
        <item x="226"/>
        <item x="484"/>
        <item x="335"/>
        <item x="121"/>
        <item x="468"/>
        <item x="56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numFmtId="164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3">
        <item x="29"/>
        <item x="5"/>
        <item x="40"/>
        <item x="19"/>
        <item x="25"/>
        <item x="32"/>
        <item x="24"/>
        <item x="18"/>
        <item x="9"/>
        <item x="39"/>
        <item x="41"/>
        <item x="37"/>
        <item x="23"/>
        <item x="6"/>
        <item x="20"/>
        <item x="21"/>
        <item x="26"/>
        <item x="15"/>
        <item x="14"/>
        <item x="34"/>
        <item x="28"/>
        <item x="7"/>
        <item x="30"/>
        <item x="11"/>
        <item x="27"/>
        <item x="33"/>
        <item x="16"/>
        <item x="22"/>
        <item x="17"/>
        <item x="36"/>
        <item x="10"/>
        <item x="38"/>
        <item x="35"/>
        <item x="12"/>
        <item x="31"/>
        <item x="3"/>
        <item x="0"/>
        <item x="2"/>
        <item x="4"/>
        <item x="1"/>
        <item x="8"/>
        <item x="1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 defaultSubtota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>
      <items count="48">
        <item x="27"/>
        <item x="6"/>
        <item x="13"/>
        <item x="12"/>
        <item x="30"/>
        <item x="26"/>
        <item x="8"/>
        <item x="37"/>
        <item x="23"/>
        <item x="34"/>
        <item x="32"/>
        <item x="4"/>
        <item x="16"/>
        <item x="11"/>
        <item x="31"/>
        <item x="3"/>
        <item x="14"/>
        <item x="2"/>
        <item x="1"/>
        <item x="7"/>
        <item x="0"/>
        <item x="9"/>
        <item x="19"/>
        <item x="46"/>
        <item x="38"/>
        <item x="45"/>
        <item x="21"/>
        <item x="28"/>
        <item x="5"/>
        <item x="44"/>
        <item x="20"/>
        <item x="22"/>
        <item x="42"/>
        <item x="41"/>
        <item x="10"/>
        <item x="35"/>
        <item x="24"/>
        <item x="33"/>
        <item x="39"/>
        <item x="18"/>
        <item x="36"/>
        <item x="29"/>
        <item x="40"/>
        <item x="25"/>
        <item x="43"/>
        <item x="15"/>
        <item x="17"/>
        <item t="default"/>
      </items>
    </pivotField>
    <pivotField compact="0" outline="0" showAll="0"/>
    <pivotField compact="0" outline="0" showAll="0"/>
    <pivotField compact="0" outline="0" showAll="0">
      <items count="43">
        <item x="24"/>
        <item x="6"/>
        <item x="10"/>
        <item x="9"/>
        <item x="27"/>
        <item x="23"/>
        <item x="7"/>
        <item x="33"/>
        <item x="20"/>
        <item x="29"/>
        <item x="13"/>
        <item x="28"/>
        <item x="3"/>
        <item x="11"/>
        <item x="2"/>
        <item x="1"/>
        <item x="16"/>
        <item x="34"/>
        <item x="18"/>
        <item x="25"/>
        <item x="5"/>
        <item x="17"/>
        <item x="37"/>
        <item x="8"/>
        <item x="31"/>
        <item x="21"/>
        <item x="30"/>
        <item x="35"/>
        <item x="15"/>
        <item x="32"/>
        <item x="26"/>
        <item x="36"/>
        <item x="22"/>
        <item x="39"/>
        <item x="12"/>
        <item x="19"/>
        <item x="4"/>
        <item x="14"/>
        <item x="38"/>
        <item x="0"/>
        <item x="40"/>
        <item x="41"/>
        <item t="default"/>
      </items>
    </pivotField>
    <pivotField compact="0" outline="0" showAll="0"/>
    <pivotField compact="0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compact="0" numFmtId="165" outline="0" showAll="0"/>
    <pivotField axis="axisRow" compact="0" outline="0" showAll="0">
      <items count="4">
        <item x="2"/>
        <item x="0"/>
        <item x="1"/>
        <item t="default"/>
      </items>
    </pivotField>
    <pivotField axis="axisRow" compact="0" outline="0" showAll="0">
      <items count="3">
        <item sd="0" x="1"/>
        <item x="0"/>
        <item t="default"/>
      </items>
    </pivotField>
    <pivotField axis="axisCol" compact="0" outline="0" showAll="0">
      <items count="9">
        <item h="1" x="2"/>
        <item x="1"/>
        <item x="0"/>
        <item x="4"/>
        <item x="5"/>
        <item x="3"/>
        <item x="6"/>
        <item x="7"/>
        <item t="default"/>
      </items>
    </pivotField>
    <pivotField axis="axisPage" compact="0" outline="0" multipleItemSelectionAllowed="1" showAll="0">
      <items count="12">
        <item h="1" x="2"/>
        <item h="1" x="7"/>
        <item h="1" x="6"/>
        <item h="1" x="9"/>
        <item h="1" x="1"/>
        <item x="4"/>
        <item h="1" x="5"/>
        <item x="10"/>
        <item x="8"/>
        <item x="0"/>
        <item x="3"/>
        <item t="default"/>
      </items>
    </pivotField>
    <pivotField compact="0" outline="0" showAll="0"/>
    <pivotField dataField="1" compact="0" numFmtId="43" outline="0" showAll="0"/>
    <pivotField axis="axisRow" compact="0" outline="0" showAll="0">
      <items count="8">
        <item x="0"/>
        <item x="5"/>
        <item x="4"/>
        <item x="2"/>
        <item x="6"/>
        <item x="1"/>
        <item x="3"/>
        <item t="default"/>
      </items>
    </pivotField>
    <pivotField compact="0" outline="0" showAll="0" sortType="ascending"/>
    <pivotField compact="0" outline="0" showAll="0"/>
  </pivotFields>
  <rowFields count="3">
    <field x="61"/>
    <field x="62"/>
    <field x="67"/>
  </rowFields>
  <rowItems count="29">
    <i>
      <x/>
      <x/>
    </i>
    <i r="1">
      <x v="1"/>
      <x/>
    </i>
    <i r="2">
      <x v="1"/>
    </i>
    <i r="2">
      <x v="2"/>
    </i>
    <i r="2">
      <x v="3"/>
    </i>
    <i r="2">
      <x v="4"/>
    </i>
    <i r="2">
      <x v="5"/>
    </i>
    <i r="2">
      <x v="6"/>
    </i>
    <i t="default" r="1">
      <x v="1"/>
    </i>
    <i t="default">
      <x/>
    </i>
    <i>
      <x v="1"/>
      <x/>
    </i>
    <i r="1">
      <x v="1"/>
      <x/>
    </i>
    <i r="2">
      <x v="1"/>
    </i>
    <i r="2">
      <x v="2"/>
    </i>
    <i r="2">
      <x v="3"/>
    </i>
    <i r="2">
      <x v="5"/>
    </i>
    <i r="2">
      <x v="6"/>
    </i>
    <i t="default" r="1">
      <x v="1"/>
    </i>
    <i t="default">
      <x v="1"/>
    </i>
    <i>
      <x v="2"/>
      <x/>
    </i>
    <i r="1">
      <x v="1"/>
      <x/>
    </i>
    <i r="2">
      <x v="1"/>
    </i>
    <i r="2">
      <x v="2"/>
    </i>
    <i r="2">
      <x v="3"/>
    </i>
    <i r="2">
      <x v="5"/>
    </i>
    <i r="2">
      <x v="6"/>
    </i>
    <i t="default" r="1">
      <x v="1"/>
    </i>
    <i t="default">
      <x v="2"/>
    </i>
    <i t="grand">
      <x/>
    </i>
  </rowItems>
  <colFields count="1">
    <field x="63"/>
  </colFields>
  <colItems count="8">
    <i>
      <x v="1"/>
    </i>
    <i>
      <x v="2"/>
    </i>
    <i>
      <x v="3"/>
    </i>
    <i>
      <x v="4"/>
    </i>
    <i>
      <x v="5"/>
    </i>
    <i>
      <x v="6"/>
    </i>
    <i>
      <x v="7"/>
    </i>
    <i t="grand">
      <x/>
    </i>
  </colItems>
  <pageFields count="1">
    <pageField fld="64" hier="-1"/>
  </pageFields>
  <dataFields count="1">
    <dataField name="Sum of Amt $" fld="66" baseField="0" baseItem="0" numFmtId="43"/>
  </dataFields>
  <formats count="1">
    <format dxfId="0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3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ivotTable" Target="../pivotTables/pivotTable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6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76E0AA-3340-4E00-8F9D-8F15F39BE631}">
  <dimension ref="B2:F9"/>
  <sheetViews>
    <sheetView workbookViewId="0">
      <selection activeCell="C5" sqref="C5"/>
    </sheetView>
  </sheetViews>
  <sheetFormatPr defaultRowHeight="15" x14ac:dyDescent="0.25"/>
  <cols>
    <col min="2" max="2" width="40" bestFit="1" customWidth="1"/>
    <col min="3" max="3" width="18" style="15" customWidth="1"/>
    <col min="4" max="4" width="13.5703125" style="15" customWidth="1"/>
    <col min="5" max="5" width="18.7109375" style="15" customWidth="1"/>
    <col min="6" max="6" width="14.140625" style="15" customWidth="1"/>
  </cols>
  <sheetData>
    <row r="2" spans="2:6" x14ac:dyDescent="0.25">
      <c r="B2" s="16" t="s">
        <v>118</v>
      </c>
      <c r="C2" s="16"/>
      <c r="D2" s="16"/>
      <c r="E2" s="16"/>
      <c r="F2" s="16"/>
    </row>
    <row r="3" spans="2:6" x14ac:dyDescent="0.25">
      <c r="B3" s="17"/>
      <c r="C3" s="17"/>
      <c r="D3" s="17"/>
      <c r="E3" s="17"/>
      <c r="F3" s="17"/>
    </row>
    <row r="4" spans="2:6" x14ac:dyDescent="0.25">
      <c r="B4" s="8" t="s">
        <v>119</v>
      </c>
      <c r="C4" s="8" t="s">
        <v>13</v>
      </c>
      <c r="D4" s="9" t="s">
        <v>25</v>
      </c>
      <c r="E4" s="8" t="s">
        <v>120</v>
      </c>
      <c r="F4" s="8" t="s">
        <v>121</v>
      </c>
    </row>
    <row r="5" spans="2:6" x14ac:dyDescent="0.25">
      <c r="B5" s="10" t="s">
        <v>29</v>
      </c>
      <c r="C5" s="12">
        <v>4377198.4600000037</v>
      </c>
      <c r="D5" s="12">
        <v>15738017.910000127</v>
      </c>
      <c r="E5" s="13">
        <v>-649117.33999999962</v>
      </c>
      <c r="F5" s="12">
        <v>19466099.030000132</v>
      </c>
    </row>
    <row r="6" spans="2:6" x14ac:dyDescent="0.25">
      <c r="B6" s="10" t="s">
        <v>30</v>
      </c>
      <c r="C6" s="12">
        <v>1469868.94</v>
      </c>
      <c r="D6" s="12">
        <v>4604678.1000000006</v>
      </c>
      <c r="E6" s="12">
        <v>1299007.9700000023</v>
      </c>
      <c r="F6" s="12">
        <v>7373555.0100000035</v>
      </c>
    </row>
    <row r="7" spans="2:6" x14ac:dyDescent="0.25">
      <c r="B7" s="11" t="s">
        <v>122</v>
      </c>
      <c r="C7" s="14">
        <f>C5+C6</f>
        <v>5847067.4000000041</v>
      </c>
      <c r="D7" s="14">
        <f t="shared" ref="D7:F7" si="0">D5+D6</f>
        <v>20342696.010000128</v>
      </c>
      <c r="E7" s="14">
        <f t="shared" si="0"/>
        <v>649890.63000000268</v>
      </c>
      <c r="F7" s="14">
        <f t="shared" si="0"/>
        <v>26839654.040000133</v>
      </c>
    </row>
    <row r="9" spans="2:6" x14ac:dyDescent="0.25">
      <c r="B9" s="7" t="s">
        <v>123</v>
      </c>
    </row>
  </sheetData>
  <mergeCells count="1">
    <mergeCell ref="B2:F3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1FF4DB-2CD6-45A7-A475-E5EEEC2A57D9}">
  <dimension ref="A1:J30"/>
  <sheetViews>
    <sheetView workbookViewId="0">
      <selection activeCell="A15" sqref="A15"/>
    </sheetView>
  </sheetViews>
  <sheetFormatPr defaultRowHeight="12.75" x14ac:dyDescent="0.2"/>
  <cols>
    <col min="1" max="1" width="20.5703125" style="1" bestFit="1" customWidth="1"/>
    <col min="2" max="6" width="15.7109375" style="1" bestFit="1" customWidth="1"/>
    <col min="7" max="9" width="18.85546875" style="1" bestFit="1" customWidth="1"/>
    <col min="10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1" spans="1:10" ht="15" x14ac:dyDescent="0.25">
      <c r="A1" s="5" t="s">
        <v>8</v>
      </c>
      <c r="B1" s="7">
        <v>2025</v>
      </c>
    </row>
    <row r="2" spans="1:10" ht="15" x14ac:dyDescent="0.25">
      <c r="A2" s="5" t="s">
        <v>10</v>
      </c>
      <c r="B2" t="s">
        <v>15</v>
      </c>
    </row>
    <row r="4" spans="1:10" ht="15" x14ac:dyDescent="0.25">
      <c r="A4" s="5" t="s">
        <v>7</v>
      </c>
      <c r="B4" s="5" t="s">
        <v>9</v>
      </c>
      <c r="C4"/>
      <c r="D4"/>
      <c r="E4"/>
      <c r="F4"/>
      <c r="G4"/>
      <c r="H4"/>
      <c r="I4"/>
      <c r="J4"/>
    </row>
    <row r="5" spans="1:10" ht="15" x14ac:dyDescent="0.25">
      <c r="A5" s="5" t="s">
        <v>0</v>
      </c>
      <c r="B5" t="s">
        <v>13</v>
      </c>
      <c r="C5" t="s">
        <v>25</v>
      </c>
      <c r="D5" t="s">
        <v>27</v>
      </c>
      <c r="E5" t="s">
        <v>12</v>
      </c>
      <c r="F5"/>
      <c r="G5"/>
      <c r="H5"/>
      <c r="I5"/>
      <c r="J5"/>
    </row>
    <row r="6" spans="1:10" ht="15" x14ac:dyDescent="0.25">
      <c r="A6" t="s">
        <v>29</v>
      </c>
      <c r="B6" s="6">
        <v>4377198.4600000037</v>
      </c>
      <c r="C6" s="6">
        <v>15738017.910000127</v>
      </c>
      <c r="D6" s="6">
        <v>-649117.33999999962</v>
      </c>
      <c r="E6" s="6">
        <v>19466099.030000132</v>
      </c>
      <c r="F6"/>
      <c r="G6"/>
      <c r="H6"/>
      <c r="I6"/>
      <c r="J6"/>
    </row>
    <row r="7" spans="1:10" ht="15" x14ac:dyDescent="0.25">
      <c r="A7" t="s">
        <v>30</v>
      </c>
      <c r="B7" s="6">
        <v>1469868.94</v>
      </c>
      <c r="C7" s="6">
        <v>4604678.1000000006</v>
      </c>
      <c r="D7" s="6">
        <v>1299007.9700000023</v>
      </c>
      <c r="E7" s="6">
        <v>7373555.0100000035</v>
      </c>
      <c r="F7"/>
      <c r="G7"/>
      <c r="H7"/>
      <c r="I7"/>
      <c r="J7"/>
    </row>
    <row r="8" spans="1:10" ht="15" x14ac:dyDescent="0.25">
      <c r="A8" t="s">
        <v>12</v>
      </c>
      <c r="B8" s="6">
        <v>5847067.4000000041</v>
      </c>
      <c r="C8" s="6">
        <v>20342696.010000128</v>
      </c>
      <c r="D8" s="6">
        <v>649890.63000000268</v>
      </c>
      <c r="E8" s="6">
        <v>26839654.040000133</v>
      </c>
      <c r="F8"/>
      <c r="G8"/>
      <c r="H8"/>
      <c r="I8"/>
      <c r="J8"/>
    </row>
    <row r="9" spans="1:10" ht="15" x14ac:dyDescent="0.25">
      <c r="A9"/>
      <c r="B9"/>
      <c r="C9"/>
      <c r="D9"/>
      <c r="E9"/>
      <c r="F9"/>
      <c r="G9"/>
      <c r="H9"/>
      <c r="I9"/>
      <c r="J9"/>
    </row>
    <row r="10" spans="1:10" ht="15" x14ac:dyDescent="0.25">
      <c r="A10"/>
      <c r="B10"/>
      <c r="C10"/>
      <c r="D10"/>
      <c r="E10"/>
      <c r="F10"/>
      <c r="G10"/>
      <c r="H10"/>
      <c r="I10"/>
      <c r="J10"/>
    </row>
    <row r="11" spans="1:10" ht="15" x14ac:dyDescent="0.25">
      <c r="A11"/>
      <c r="B11"/>
      <c r="C11"/>
      <c r="D11"/>
      <c r="E11"/>
      <c r="F11"/>
      <c r="G11"/>
      <c r="H11"/>
      <c r="I11"/>
      <c r="J11"/>
    </row>
    <row r="12" spans="1:10" ht="15" x14ac:dyDescent="0.25">
      <c r="A12"/>
      <c r="B12"/>
      <c r="C12"/>
      <c r="D12"/>
      <c r="E12"/>
      <c r="F12"/>
      <c r="G12"/>
      <c r="H12"/>
      <c r="I12"/>
      <c r="J12"/>
    </row>
    <row r="13" spans="1:10" ht="15" x14ac:dyDescent="0.25">
      <c r="A13"/>
      <c r="B13"/>
      <c r="C13"/>
      <c r="D13"/>
      <c r="E13"/>
      <c r="F13"/>
      <c r="G13"/>
      <c r="H13"/>
      <c r="I13"/>
      <c r="J13"/>
    </row>
    <row r="14" spans="1:10" ht="15" x14ac:dyDescent="0.25">
      <c r="A14"/>
      <c r="B14"/>
      <c r="C14"/>
      <c r="D14"/>
      <c r="E14"/>
      <c r="F14"/>
      <c r="G14"/>
      <c r="H14"/>
      <c r="I14"/>
      <c r="J14"/>
    </row>
    <row r="15" spans="1:10" ht="15" x14ac:dyDescent="0.25">
      <c r="A15"/>
      <c r="B15"/>
      <c r="C15"/>
      <c r="D15"/>
      <c r="E15"/>
      <c r="F15"/>
      <c r="G15"/>
      <c r="H15"/>
      <c r="I15"/>
      <c r="J15"/>
    </row>
    <row r="16" spans="1:10" ht="15" x14ac:dyDescent="0.25">
      <c r="A16"/>
      <c r="B16"/>
      <c r="C16"/>
      <c r="D16"/>
      <c r="E16"/>
      <c r="F16"/>
      <c r="G16"/>
      <c r="H16"/>
      <c r="I16"/>
      <c r="J16"/>
    </row>
    <row r="17" spans="1:10" ht="15" x14ac:dyDescent="0.25">
      <c r="A17"/>
      <c r="B17"/>
      <c r="C17"/>
      <c r="D17"/>
      <c r="E17"/>
      <c r="F17"/>
      <c r="G17"/>
      <c r="H17"/>
      <c r="I17"/>
      <c r="J17"/>
    </row>
    <row r="18" spans="1:10" ht="15" x14ac:dyDescent="0.25">
      <c r="A18"/>
      <c r="B18"/>
      <c r="C18"/>
      <c r="D18"/>
      <c r="E18"/>
      <c r="F18"/>
      <c r="G18"/>
      <c r="H18"/>
      <c r="I18"/>
      <c r="J18"/>
    </row>
    <row r="19" spans="1:10" ht="15" x14ac:dyDescent="0.25">
      <c r="A19"/>
      <c r="B19"/>
      <c r="C19"/>
      <c r="D19"/>
      <c r="E19"/>
      <c r="F19"/>
      <c r="G19"/>
      <c r="H19"/>
      <c r="I19"/>
      <c r="J19"/>
    </row>
    <row r="20" spans="1:10" ht="15" x14ac:dyDescent="0.25">
      <c r="A20"/>
      <c r="B20"/>
      <c r="C20"/>
      <c r="D20"/>
      <c r="E20"/>
      <c r="F20"/>
    </row>
    <row r="21" spans="1:10" ht="15" x14ac:dyDescent="0.25">
      <c r="A21"/>
      <c r="B21"/>
      <c r="C21"/>
      <c r="D21"/>
      <c r="E21"/>
      <c r="F21"/>
    </row>
    <row r="22" spans="1:10" ht="15" x14ac:dyDescent="0.25">
      <c r="A22"/>
      <c r="B22"/>
      <c r="C22"/>
      <c r="D22"/>
      <c r="E22"/>
      <c r="F22"/>
    </row>
    <row r="23" spans="1:10" ht="15" x14ac:dyDescent="0.25">
      <c r="A23"/>
      <c r="B23"/>
      <c r="C23"/>
      <c r="D23"/>
      <c r="E23"/>
      <c r="F23"/>
    </row>
    <row r="24" spans="1:10" ht="15" x14ac:dyDescent="0.25">
      <c r="A24"/>
      <c r="B24"/>
      <c r="C24"/>
      <c r="D24"/>
      <c r="E24"/>
      <c r="F24"/>
    </row>
    <row r="25" spans="1:10" ht="15" x14ac:dyDescent="0.25">
      <c r="A25"/>
      <c r="B25"/>
      <c r="C25"/>
      <c r="D25"/>
      <c r="E25"/>
      <c r="F25"/>
    </row>
    <row r="26" spans="1:10" ht="15" x14ac:dyDescent="0.25">
      <c r="A26"/>
      <c r="B26"/>
      <c r="C26"/>
      <c r="D26"/>
      <c r="E26"/>
      <c r="F26"/>
    </row>
    <row r="27" spans="1:10" ht="15" x14ac:dyDescent="0.25">
      <c r="A27"/>
      <c r="B27"/>
      <c r="C27"/>
      <c r="D27"/>
      <c r="E27"/>
      <c r="F27"/>
    </row>
    <row r="28" spans="1:10" ht="15" x14ac:dyDescent="0.25">
      <c r="A28"/>
      <c r="B28"/>
      <c r="C28"/>
      <c r="D28"/>
      <c r="E28"/>
      <c r="F28"/>
    </row>
    <row r="29" spans="1:10" ht="15" x14ac:dyDescent="0.25">
      <c r="A29"/>
      <c r="B29"/>
      <c r="C29"/>
      <c r="D29"/>
      <c r="E29"/>
      <c r="F29"/>
    </row>
    <row r="30" spans="1:10" ht="15" x14ac:dyDescent="0.25">
      <c r="A30"/>
      <c r="B30"/>
      <c r="C30"/>
      <c r="D30"/>
      <c r="E30"/>
      <c r="F3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FA931D-3902-43D6-8F90-8AB7E510DF35}">
  <dimension ref="A1:J112"/>
  <sheetViews>
    <sheetView workbookViewId="0">
      <pane xSplit="2" ySplit="5" topLeftCell="C85" activePane="bottomRight" state="frozenSplit"/>
      <selection pane="topRight" activeCell="C1" sqref="C1"/>
      <selection pane="bottomLeft" activeCell="A6" sqref="A6"/>
      <selection pane="bottomRight" activeCell="C6" sqref="C6"/>
    </sheetView>
  </sheetViews>
  <sheetFormatPr defaultRowHeight="12.75" x14ac:dyDescent="0.2"/>
  <cols>
    <col min="1" max="1" width="20.5703125" style="1" bestFit="1" customWidth="1"/>
    <col min="2" max="2" width="47.7109375" style="1" bestFit="1" customWidth="1"/>
    <col min="3" max="3" width="35.7109375" style="1" bestFit="1" customWidth="1"/>
    <col min="4" max="4" width="35.42578125" style="1" bestFit="1" customWidth="1"/>
    <col min="5" max="6" width="14.28515625" style="1" bestFit="1" customWidth="1"/>
    <col min="7" max="7" width="12.7109375" style="1" bestFit="1" customWidth="1"/>
    <col min="8" max="9" width="18.85546875" style="1" bestFit="1" customWidth="1"/>
    <col min="10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1" spans="1:10" ht="15" x14ac:dyDescent="0.25">
      <c r="A1"/>
      <c r="B1"/>
    </row>
    <row r="2" spans="1:10" ht="15" x14ac:dyDescent="0.25">
      <c r="A2" s="5" t="s">
        <v>8</v>
      </c>
      <c r="B2" s="7">
        <v>2025</v>
      </c>
    </row>
    <row r="4" spans="1:10" ht="15" x14ac:dyDescent="0.25">
      <c r="A4" s="5" t="s">
        <v>7</v>
      </c>
      <c r="B4"/>
      <c r="C4"/>
      <c r="D4"/>
      <c r="E4" s="5" t="s">
        <v>9</v>
      </c>
      <c r="F4"/>
      <c r="G4"/>
      <c r="H4"/>
      <c r="I4"/>
      <c r="J4"/>
    </row>
    <row r="5" spans="1:10" ht="15" x14ac:dyDescent="0.25">
      <c r="A5" s="5" t="s">
        <v>0</v>
      </c>
      <c r="B5" s="5" t="s">
        <v>54</v>
      </c>
      <c r="C5" s="5" t="s">
        <v>57</v>
      </c>
      <c r="D5" s="5" t="s">
        <v>62</v>
      </c>
      <c r="E5" t="s">
        <v>25</v>
      </c>
      <c r="F5" t="s">
        <v>27</v>
      </c>
      <c r="G5" t="s">
        <v>12</v>
      </c>
      <c r="H5"/>
      <c r="I5"/>
      <c r="J5"/>
    </row>
    <row r="6" spans="1:10" ht="15" x14ac:dyDescent="0.25">
      <c r="A6" t="s">
        <v>31</v>
      </c>
      <c r="B6" t="s">
        <v>110</v>
      </c>
      <c r="C6"/>
      <c r="D6"/>
      <c r="E6" s="6"/>
      <c r="F6" s="6">
        <v>0</v>
      </c>
      <c r="G6" s="6">
        <v>0</v>
      </c>
      <c r="H6"/>
      <c r="I6"/>
      <c r="J6"/>
    </row>
    <row r="7" spans="1:10" ht="15" x14ac:dyDescent="0.25">
      <c r="A7"/>
      <c r="B7" t="s">
        <v>111</v>
      </c>
      <c r="C7"/>
      <c r="D7"/>
      <c r="E7" s="6"/>
      <c r="F7" s="6">
        <v>0</v>
      </c>
      <c r="G7" s="6">
        <v>0</v>
      </c>
      <c r="H7"/>
      <c r="I7"/>
      <c r="J7"/>
    </row>
    <row r="8" spans="1:10" ht="15" x14ac:dyDescent="0.25">
      <c r="A8"/>
      <c r="B8" t="s">
        <v>112</v>
      </c>
      <c r="C8"/>
      <c r="D8"/>
      <c r="E8" s="6"/>
      <c r="F8" s="6">
        <v>-3.4106051316484809E-13</v>
      </c>
      <c r="G8" s="6">
        <v>-3.4106051316484809E-13</v>
      </c>
      <c r="H8"/>
      <c r="I8"/>
      <c r="J8"/>
    </row>
    <row r="9" spans="1:10" ht="15" x14ac:dyDescent="0.25">
      <c r="A9"/>
      <c r="B9" t="s">
        <v>113</v>
      </c>
      <c r="C9" t="s">
        <v>78</v>
      </c>
      <c r="D9" t="s">
        <v>97</v>
      </c>
      <c r="E9" s="6"/>
      <c r="F9" s="6">
        <v>0</v>
      </c>
      <c r="G9" s="6">
        <v>0</v>
      </c>
      <c r="H9"/>
      <c r="I9"/>
      <c r="J9"/>
    </row>
    <row r="10" spans="1:10" ht="15" x14ac:dyDescent="0.25">
      <c r="A10"/>
      <c r="B10"/>
      <c r="C10"/>
      <c r="D10" t="s">
        <v>103</v>
      </c>
      <c r="E10" s="6"/>
      <c r="F10" s="6">
        <v>0</v>
      </c>
      <c r="G10" s="6">
        <v>0</v>
      </c>
      <c r="H10"/>
      <c r="I10"/>
      <c r="J10"/>
    </row>
    <row r="11" spans="1:10" ht="15" x14ac:dyDescent="0.25">
      <c r="A11"/>
      <c r="B11"/>
      <c r="C11"/>
      <c r="D11" t="s">
        <v>104</v>
      </c>
      <c r="E11" s="6"/>
      <c r="F11" s="6">
        <v>0</v>
      </c>
      <c r="G11" s="6">
        <v>0</v>
      </c>
      <c r="H11"/>
      <c r="I11"/>
      <c r="J11"/>
    </row>
    <row r="12" spans="1:10" ht="15" x14ac:dyDescent="0.25">
      <c r="A12"/>
      <c r="B12"/>
      <c r="C12"/>
      <c r="D12" t="s">
        <v>105</v>
      </c>
      <c r="E12" s="6"/>
      <c r="F12" s="6">
        <v>0</v>
      </c>
      <c r="G12" s="6">
        <v>0</v>
      </c>
      <c r="H12"/>
      <c r="I12"/>
      <c r="J12"/>
    </row>
    <row r="13" spans="1:10" ht="15" x14ac:dyDescent="0.25">
      <c r="A13"/>
      <c r="B13"/>
      <c r="C13" t="s">
        <v>60</v>
      </c>
      <c r="D13" t="s">
        <v>103</v>
      </c>
      <c r="E13" s="6"/>
      <c r="F13" s="6">
        <v>0</v>
      </c>
      <c r="G13" s="6">
        <v>0</v>
      </c>
      <c r="H13"/>
      <c r="I13"/>
      <c r="J13"/>
    </row>
    <row r="14" spans="1:10" ht="15" x14ac:dyDescent="0.25">
      <c r="A14"/>
      <c r="B14"/>
      <c r="C14"/>
      <c r="D14" t="s">
        <v>104</v>
      </c>
      <c r="E14" s="6"/>
      <c r="F14" s="6">
        <v>0</v>
      </c>
      <c r="G14" s="6">
        <v>0</v>
      </c>
      <c r="H14"/>
      <c r="I14"/>
      <c r="J14"/>
    </row>
    <row r="15" spans="1:10" ht="15" x14ac:dyDescent="0.25">
      <c r="A15"/>
      <c r="B15"/>
      <c r="C15"/>
      <c r="D15" t="s">
        <v>105</v>
      </c>
      <c r="E15" s="6"/>
      <c r="F15" s="6">
        <v>0</v>
      </c>
      <c r="G15" s="6">
        <v>0</v>
      </c>
      <c r="H15"/>
      <c r="I15"/>
      <c r="J15"/>
    </row>
    <row r="16" spans="1:10" ht="15" x14ac:dyDescent="0.25">
      <c r="A16"/>
      <c r="B16"/>
      <c r="C16" t="s">
        <v>58</v>
      </c>
      <c r="D16" t="s">
        <v>99</v>
      </c>
      <c r="E16" s="6"/>
      <c r="F16" s="6">
        <v>0</v>
      </c>
      <c r="G16" s="6">
        <v>0</v>
      </c>
      <c r="H16"/>
      <c r="I16"/>
      <c r="J16"/>
    </row>
    <row r="17" spans="1:10" ht="15" x14ac:dyDescent="0.25">
      <c r="A17"/>
      <c r="B17"/>
      <c r="C17"/>
      <c r="D17" t="s">
        <v>102</v>
      </c>
      <c r="E17" s="6"/>
      <c r="F17" s="6">
        <v>0</v>
      </c>
      <c r="G17" s="6">
        <v>0</v>
      </c>
      <c r="H17"/>
      <c r="I17"/>
      <c r="J17"/>
    </row>
    <row r="18" spans="1:10" ht="15" x14ac:dyDescent="0.25">
      <c r="A18"/>
      <c r="B18"/>
      <c r="C18" t="s">
        <v>81</v>
      </c>
      <c r="D18" t="s">
        <v>104</v>
      </c>
      <c r="E18" s="6"/>
      <c r="F18" s="6">
        <v>198.04000000000002</v>
      </c>
      <c r="G18" s="6">
        <v>198.04000000000002</v>
      </c>
      <c r="H18"/>
      <c r="I18"/>
      <c r="J18"/>
    </row>
    <row r="19" spans="1:10" ht="15" x14ac:dyDescent="0.25">
      <c r="A19"/>
      <c r="B19"/>
      <c r="C19" t="s">
        <v>59</v>
      </c>
      <c r="D19" t="s">
        <v>99</v>
      </c>
      <c r="E19" s="6"/>
      <c r="F19" s="6">
        <v>-189.11000000000013</v>
      </c>
      <c r="G19" s="6">
        <v>-189.11000000000013</v>
      </c>
      <c r="H19"/>
      <c r="I19"/>
      <c r="J19"/>
    </row>
    <row r="20" spans="1:10" ht="15" x14ac:dyDescent="0.25">
      <c r="A20"/>
      <c r="B20"/>
      <c r="C20"/>
      <c r="D20" t="s">
        <v>102</v>
      </c>
      <c r="E20" s="6"/>
      <c r="F20" s="6">
        <v>1.6400000000000041</v>
      </c>
      <c r="G20" s="6">
        <v>1.6400000000000041</v>
      </c>
    </row>
    <row r="21" spans="1:10" ht="15" x14ac:dyDescent="0.25">
      <c r="A21"/>
      <c r="B21"/>
      <c r="C21"/>
      <c r="D21" t="s">
        <v>65</v>
      </c>
      <c r="E21" s="6"/>
      <c r="F21" s="6">
        <v>0</v>
      </c>
      <c r="G21" s="6">
        <v>0</v>
      </c>
    </row>
    <row r="22" spans="1:10" ht="15" x14ac:dyDescent="0.25">
      <c r="A22"/>
      <c r="B22"/>
      <c r="C22" t="s">
        <v>82</v>
      </c>
      <c r="D22" t="s">
        <v>100</v>
      </c>
      <c r="E22" s="6"/>
      <c r="F22" s="6">
        <v>-0.71</v>
      </c>
      <c r="G22" s="6">
        <v>-0.71</v>
      </c>
    </row>
    <row r="23" spans="1:10" ht="15" x14ac:dyDescent="0.25">
      <c r="A23"/>
      <c r="B23"/>
      <c r="C23"/>
      <c r="D23" t="s">
        <v>109</v>
      </c>
      <c r="E23" s="6"/>
      <c r="F23" s="6">
        <v>-198.71000000000004</v>
      </c>
      <c r="G23" s="6">
        <v>-198.71000000000004</v>
      </c>
    </row>
    <row r="24" spans="1:10" ht="15" x14ac:dyDescent="0.25">
      <c r="A24"/>
      <c r="B24"/>
      <c r="C24" t="s">
        <v>90</v>
      </c>
      <c r="D24" t="s">
        <v>97</v>
      </c>
      <c r="E24" s="6"/>
      <c r="F24" s="6">
        <v>15573.69</v>
      </c>
      <c r="G24" s="6">
        <v>15573.69</v>
      </c>
    </row>
    <row r="25" spans="1:10" ht="15" x14ac:dyDescent="0.25">
      <c r="A25"/>
      <c r="B25"/>
      <c r="C25"/>
      <c r="D25" t="s">
        <v>103</v>
      </c>
      <c r="E25" s="6"/>
      <c r="F25" s="6">
        <v>46721.689999999995</v>
      </c>
      <c r="G25" s="6">
        <v>46721.689999999995</v>
      </c>
    </row>
    <row r="26" spans="1:10" ht="15" x14ac:dyDescent="0.25">
      <c r="A26"/>
      <c r="B26"/>
      <c r="C26"/>
      <c r="D26" t="s">
        <v>105</v>
      </c>
      <c r="E26" s="6"/>
      <c r="F26" s="6">
        <v>1154.57</v>
      </c>
      <c r="G26" s="6">
        <v>1154.57</v>
      </c>
    </row>
    <row r="27" spans="1:10" ht="15" x14ac:dyDescent="0.25">
      <c r="A27"/>
      <c r="B27" t="s">
        <v>114</v>
      </c>
      <c r="C27" t="s">
        <v>74</v>
      </c>
      <c r="D27" t="s">
        <v>96</v>
      </c>
      <c r="E27" s="6">
        <v>573940.69999999995</v>
      </c>
      <c r="F27" s="6"/>
      <c r="G27" s="6">
        <v>573940.69999999995</v>
      </c>
    </row>
    <row r="28" spans="1:10" ht="15" x14ac:dyDescent="0.25">
      <c r="A28"/>
      <c r="B28"/>
      <c r="C28" t="s">
        <v>75</v>
      </c>
      <c r="D28" t="s">
        <v>97</v>
      </c>
      <c r="E28" s="6"/>
      <c r="F28" s="6">
        <v>0</v>
      </c>
      <c r="G28" s="6">
        <v>0</v>
      </c>
    </row>
    <row r="29" spans="1:10" ht="15" x14ac:dyDescent="0.25">
      <c r="A29"/>
      <c r="B29"/>
      <c r="C29"/>
      <c r="D29" t="s">
        <v>64</v>
      </c>
      <c r="E29" s="6"/>
      <c r="F29" s="6">
        <v>0</v>
      </c>
      <c r="G29" s="6">
        <v>0</v>
      </c>
    </row>
    <row r="30" spans="1:10" ht="15" x14ac:dyDescent="0.25">
      <c r="A30"/>
      <c r="B30"/>
      <c r="C30" t="s">
        <v>76</v>
      </c>
      <c r="D30" t="s">
        <v>98</v>
      </c>
      <c r="E30" s="6"/>
      <c r="F30" s="6">
        <v>5.84</v>
      </c>
      <c r="G30" s="6">
        <v>5.84</v>
      </c>
    </row>
    <row r="31" spans="1:10" ht="15" x14ac:dyDescent="0.25">
      <c r="A31"/>
      <c r="B31"/>
      <c r="C31" t="s">
        <v>77</v>
      </c>
      <c r="D31" t="s">
        <v>99</v>
      </c>
      <c r="E31" s="6"/>
      <c r="F31" s="6">
        <v>23.76</v>
      </c>
      <c r="G31" s="6">
        <v>23.76</v>
      </c>
    </row>
    <row r="32" spans="1:10" ht="15" x14ac:dyDescent="0.25">
      <c r="A32"/>
      <c r="B32"/>
      <c r="C32" t="s">
        <v>78</v>
      </c>
      <c r="D32" t="s">
        <v>99</v>
      </c>
      <c r="E32" s="6"/>
      <c r="F32" s="6">
        <v>0</v>
      </c>
      <c r="G32" s="6">
        <v>0</v>
      </c>
    </row>
    <row r="33" spans="1:7" ht="15" x14ac:dyDescent="0.25">
      <c r="A33"/>
      <c r="B33"/>
      <c r="C33"/>
      <c r="D33" t="s">
        <v>97</v>
      </c>
      <c r="E33" s="6"/>
      <c r="F33" s="6">
        <v>0</v>
      </c>
      <c r="G33" s="6">
        <v>0</v>
      </c>
    </row>
    <row r="34" spans="1:7" ht="15" x14ac:dyDescent="0.25">
      <c r="A34"/>
      <c r="B34"/>
      <c r="C34"/>
      <c r="D34" t="s">
        <v>98</v>
      </c>
      <c r="E34" s="6"/>
      <c r="F34" s="6">
        <v>0</v>
      </c>
      <c r="G34" s="6">
        <v>0</v>
      </c>
    </row>
    <row r="35" spans="1:7" ht="15" x14ac:dyDescent="0.25">
      <c r="A35"/>
      <c r="B35"/>
      <c r="C35"/>
      <c r="D35" t="s">
        <v>100</v>
      </c>
      <c r="E35" s="6"/>
      <c r="F35" s="6">
        <v>0</v>
      </c>
      <c r="G35" s="6">
        <v>0</v>
      </c>
    </row>
    <row r="36" spans="1:7" ht="15" x14ac:dyDescent="0.25">
      <c r="A36"/>
      <c r="B36"/>
      <c r="C36"/>
      <c r="D36" t="s">
        <v>101</v>
      </c>
      <c r="E36" s="6"/>
      <c r="F36" s="6">
        <v>0</v>
      </c>
      <c r="G36" s="6">
        <v>0</v>
      </c>
    </row>
    <row r="37" spans="1:7" ht="15" x14ac:dyDescent="0.25">
      <c r="A37"/>
      <c r="B37"/>
      <c r="C37"/>
      <c r="D37" t="s">
        <v>102</v>
      </c>
      <c r="E37" s="6"/>
      <c r="F37" s="6">
        <v>0</v>
      </c>
      <c r="G37" s="6">
        <v>0</v>
      </c>
    </row>
    <row r="38" spans="1:7" ht="15" x14ac:dyDescent="0.25">
      <c r="A38"/>
      <c r="B38"/>
      <c r="C38"/>
      <c r="D38" t="s">
        <v>103</v>
      </c>
      <c r="E38" s="6"/>
      <c r="F38" s="6">
        <v>0</v>
      </c>
      <c r="G38" s="6">
        <v>0</v>
      </c>
    </row>
    <row r="39" spans="1:7" ht="15" x14ac:dyDescent="0.25">
      <c r="A39"/>
      <c r="B39"/>
      <c r="C39"/>
      <c r="D39" t="s">
        <v>104</v>
      </c>
      <c r="E39" s="6"/>
      <c r="F39" s="6">
        <v>0</v>
      </c>
      <c r="G39" s="6">
        <v>0</v>
      </c>
    </row>
    <row r="40" spans="1:7" ht="15" x14ac:dyDescent="0.25">
      <c r="A40"/>
      <c r="B40"/>
      <c r="C40"/>
      <c r="D40" t="s">
        <v>105</v>
      </c>
      <c r="E40" s="6"/>
      <c r="F40" s="6">
        <v>0</v>
      </c>
      <c r="G40" s="6">
        <v>0</v>
      </c>
    </row>
    <row r="41" spans="1:7" ht="15" x14ac:dyDescent="0.25">
      <c r="A41"/>
      <c r="B41"/>
      <c r="C41"/>
      <c r="D41" t="s">
        <v>106</v>
      </c>
      <c r="E41" s="6"/>
      <c r="F41" s="6">
        <v>0</v>
      </c>
      <c r="G41" s="6">
        <v>0</v>
      </c>
    </row>
    <row r="42" spans="1:7" ht="15" x14ac:dyDescent="0.25">
      <c r="A42"/>
      <c r="B42"/>
      <c r="C42" t="s">
        <v>60</v>
      </c>
      <c r="D42" t="s">
        <v>107</v>
      </c>
      <c r="E42" s="6"/>
      <c r="F42" s="6">
        <v>0</v>
      </c>
      <c r="G42" s="6">
        <v>0</v>
      </c>
    </row>
    <row r="43" spans="1:7" ht="15" x14ac:dyDescent="0.25">
      <c r="A43"/>
      <c r="B43"/>
      <c r="C43"/>
      <c r="D43" t="s">
        <v>99</v>
      </c>
      <c r="E43" s="6"/>
      <c r="F43" s="6">
        <v>0</v>
      </c>
      <c r="G43" s="6">
        <v>0</v>
      </c>
    </row>
    <row r="44" spans="1:7" ht="15" x14ac:dyDescent="0.25">
      <c r="A44"/>
      <c r="B44"/>
      <c r="C44"/>
      <c r="D44" t="s">
        <v>63</v>
      </c>
      <c r="E44" s="6"/>
      <c r="F44" s="6">
        <v>0</v>
      </c>
      <c r="G44" s="6">
        <v>0</v>
      </c>
    </row>
    <row r="45" spans="1:7" ht="15" x14ac:dyDescent="0.25">
      <c r="A45"/>
      <c r="B45"/>
      <c r="C45"/>
      <c r="D45" t="s">
        <v>97</v>
      </c>
      <c r="E45" s="6"/>
      <c r="F45" s="6">
        <v>0</v>
      </c>
      <c r="G45" s="6">
        <v>0</v>
      </c>
    </row>
    <row r="46" spans="1:7" ht="15" x14ac:dyDescent="0.25">
      <c r="A46"/>
      <c r="B46"/>
      <c r="C46"/>
      <c r="D46" t="s">
        <v>98</v>
      </c>
      <c r="E46" s="6"/>
      <c r="F46" s="6">
        <v>0</v>
      </c>
      <c r="G46" s="6">
        <v>0</v>
      </c>
    </row>
    <row r="47" spans="1:7" ht="15" x14ac:dyDescent="0.25">
      <c r="A47"/>
      <c r="B47"/>
      <c r="C47"/>
      <c r="D47" t="s">
        <v>102</v>
      </c>
      <c r="E47" s="6"/>
      <c r="F47" s="6">
        <v>0</v>
      </c>
      <c r="G47" s="6">
        <v>0</v>
      </c>
    </row>
    <row r="48" spans="1:7" ht="15" x14ac:dyDescent="0.25">
      <c r="A48"/>
      <c r="B48"/>
      <c r="C48"/>
      <c r="D48" t="s">
        <v>103</v>
      </c>
      <c r="E48" s="6"/>
      <c r="F48" s="6">
        <v>0</v>
      </c>
      <c r="G48" s="6">
        <v>0</v>
      </c>
    </row>
    <row r="49" spans="1:7" ht="15" x14ac:dyDescent="0.25">
      <c r="A49"/>
      <c r="B49"/>
      <c r="C49"/>
      <c r="D49" t="s">
        <v>105</v>
      </c>
      <c r="E49" s="6"/>
      <c r="F49" s="6">
        <v>0</v>
      </c>
      <c r="G49" s="6">
        <v>0</v>
      </c>
    </row>
    <row r="50" spans="1:7" ht="15" x14ac:dyDescent="0.25">
      <c r="A50"/>
      <c r="B50"/>
      <c r="C50" t="s">
        <v>58</v>
      </c>
      <c r="D50" t="s">
        <v>99</v>
      </c>
      <c r="E50" s="6"/>
      <c r="F50" s="6">
        <v>0</v>
      </c>
      <c r="G50" s="6">
        <v>0</v>
      </c>
    </row>
    <row r="51" spans="1:7" ht="15" x14ac:dyDescent="0.25">
      <c r="A51"/>
      <c r="B51"/>
      <c r="C51"/>
      <c r="D51" t="s">
        <v>98</v>
      </c>
      <c r="E51" s="6"/>
      <c r="F51" s="6">
        <v>0</v>
      </c>
      <c r="G51" s="6">
        <v>0</v>
      </c>
    </row>
    <row r="52" spans="1:7" ht="15" x14ac:dyDescent="0.25">
      <c r="A52"/>
      <c r="B52"/>
      <c r="C52"/>
      <c r="D52" t="s">
        <v>108</v>
      </c>
      <c r="E52" s="6"/>
      <c r="F52" s="6">
        <v>0</v>
      </c>
      <c r="G52" s="6">
        <v>0</v>
      </c>
    </row>
    <row r="53" spans="1:7" ht="15" x14ac:dyDescent="0.25">
      <c r="A53"/>
      <c r="B53"/>
      <c r="C53"/>
      <c r="D53" t="s">
        <v>102</v>
      </c>
      <c r="E53" s="6"/>
      <c r="F53" s="6">
        <v>0</v>
      </c>
      <c r="G53" s="6">
        <v>0</v>
      </c>
    </row>
    <row r="54" spans="1:7" ht="15" x14ac:dyDescent="0.25">
      <c r="A54"/>
      <c r="B54"/>
      <c r="C54"/>
      <c r="D54" t="s">
        <v>103</v>
      </c>
      <c r="E54" s="6"/>
      <c r="F54" s="6">
        <v>0</v>
      </c>
      <c r="G54" s="6">
        <v>0</v>
      </c>
    </row>
    <row r="55" spans="1:7" ht="15" x14ac:dyDescent="0.25">
      <c r="A55"/>
      <c r="B55"/>
      <c r="C55"/>
      <c r="D55" t="s">
        <v>64</v>
      </c>
      <c r="E55" s="6"/>
      <c r="F55" s="6">
        <v>0</v>
      </c>
      <c r="G55" s="6">
        <v>0</v>
      </c>
    </row>
    <row r="56" spans="1:7" ht="15" x14ac:dyDescent="0.25">
      <c r="A56"/>
      <c r="B56"/>
      <c r="C56" t="s">
        <v>79</v>
      </c>
      <c r="D56" t="s">
        <v>63</v>
      </c>
      <c r="E56" s="6"/>
      <c r="F56" s="6">
        <v>0</v>
      </c>
      <c r="G56" s="6">
        <v>0</v>
      </c>
    </row>
    <row r="57" spans="1:7" ht="15" x14ac:dyDescent="0.25">
      <c r="A57"/>
      <c r="B57"/>
      <c r="C57" t="s">
        <v>80</v>
      </c>
      <c r="D57" t="s">
        <v>98</v>
      </c>
      <c r="E57" s="6"/>
      <c r="F57" s="6">
        <v>0</v>
      </c>
      <c r="G57" s="6">
        <v>0</v>
      </c>
    </row>
    <row r="58" spans="1:7" ht="15" x14ac:dyDescent="0.25">
      <c r="A58"/>
      <c r="B58"/>
      <c r="C58" t="s">
        <v>81</v>
      </c>
      <c r="D58" t="s">
        <v>98</v>
      </c>
      <c r="E58" s="6"/>
      <c r="F58" s="6">
        <v>138.60999999999999</v>
      </c>
      <c r="G58" s="6">
        <v>138.60999999999999</v>
      </c>
    </row>
    <row r="59" spans="1:7" ht="15" x14ac:dyDescent="0.25">
      <c r="A59"/>
      <c r="B59"/>
      <c r="C59"/>
      <c r="D59" t="s">
        <v>104</v>
      </c>
      <c r="E59" s="6"/>
      <c r="F59" s="6">
        <v>2480.69</v>
      </c>
      <c r="G59" s="6">
        <v>2480.69</v>
      </c>
    </row>
    <row r="60" spans="1:7" ht="15" x14ac:dyDescent="0.25">
      <c r="A60"/>
      <c r="B60"/>
      <c r="C60" t="s">
        <v>59</v>
      </c>
      <c r="D60" t="s">
        <v>99</v>
      </c>
      <c r="E60" s="6"/>
      <c r="F60" s="6">
        <v>-84.500000000000043</v>
      </c>
      <c r="G60" s="6">
        <v>-84.500000000000043</v>
      </c>
    </row>
    <row r="61" spans="1:7" ht="15" x14ac:dyDescent="0.25">
      <c r="A61"/>
      <c r="B61"/>
      <c r="C61"/>
      <c r="D61" t="s">
        <v>98</v>
      </c>
      <c r="E61" s="6"/>
      <c r="F61" s="6">
        <v>8.8099999999999739</v>
      </c>
      <c r="G61" s="6">
        <v>8.8099999999999739</v>
      </c>
    </row>
    <row r="62" spans="1:7" ht="15" x14ac:dyDescent="0.25">
      <c r="A62"/>
      <c r="B62"/>
      <c r="C62"/>
      <c r="D62" t="s">
        <v>108</v>
      </c>
      <c r="E62" s="6"/>
      <c r="F62" s="6">
        <v>0.95000000000000007</v>
      </c>
      <c r="G62" s="6">
        <v>0.95000000000000007</v>
      </c>
    </row>
    <row r="63" spans="1:7" ht="15" x14ac:dyDescent="0.25">
      <c r="A63"/>
      <c r="B63"/>
      <c r="C63"/>
      <c r="D63" t="s">
        <v>102</v>
      </c>
      <c r="E63" s="6"/>
      <c r="F63" s="6">
        <v>43.850000000000023</v>
      </c>
      <c r="G63" s="6">
        <v>43.850000000000023</v>
      </c>
    </row>
    <row r="64" spans="1:7" ht="15" x14ac:dyDescent="0.25">
      <c r="A64"/>
      <c r="B64"/>
      <c r="C64"/>
      <c r="D64" t="s">
        <v>103</v>
      </c>
      <c r="E64" s="6"/>
      <c r="F64" s="6">
        <v>-45.790000000000035</v>
      </c>
      <c r="G64" s="6">
        <v>-45.790000000000035</v>
      </c>
    </row>
    <row r="65" spans="1:7" ht="15" x14ac:dyDescent="0.25">
      <c r="A65"/>
      <c r="B65"/>
      <c r="C65"/>
      <c r="D65" t="s">
        <v>65</v>
      </c>
      <c r="E65" s="6"/>
      <c r="F65" s="6">
        <v>-1.25</v>
      </c>
      <c r="G65" s="6">
        <v>-1.25</v>
      </c>
    </row>
    <row r="66" spans="1:7" ht="15" x14ac:dyDescent="0.25">
      <c r="A66"/>
      <c r="B66"/>
      <c r="C66"/>
      <c r="D66" t="s">
        <v>64</v>
      </c>
      <c r="E66" s="6"/>
      <c r="F66" s="6">
        <v>84.1400000000001</v>
      </c>
      <c r="G66" s="6">
        <v>84.1400000000001</v>
      </c>
    </row>
    <row r="67" spans="1:7" ht="15" x14ac:dyDescent="0.25">
      <c r="A67"/>
      <c r="B67"/>
      <c r="C67" t="s">
        <v>82</v>
      </c>
      <c r="D67" t="s">
        <v>107</v>
      </c>
      <c r="E67" s="6"/>
      <c r="F67" s="6">
        <v>0</v>
      </c>
      <c r="G67" s="6">
        <v>0</v>
      </c>
    </row>
    <row r="68" spans="1:7" ht="15" x14ac:dyDescent="0.25">
      <c r="A68"/>
      <c r="B68"/>
      <c r="C68"/>
      <c r="D68" t="s">
        <v>97</v>
      </c>
      <c r="E68" s="6"/>
      <c r="F68" s="6">
        <v>2268.85</v>
      </c>
      <c r="G68" s="6">
        <v>2268.85</v>
      </c>
    </row>
    <row r="69" spans="1:7" ht="15" x14ac:dyDescent="0.25">
      <c r="A69"/>
      <c r="B69"/>
      <c r="C69"/>
      <c r="D69" t="s">
        <v>98</v>
      </c>
      <c r="E69" s="6"/>
      <c r="F69" s="6">
        <v>0</v>
      </c>
      <c r="G69" s="6">
        <v>0</v>
      </c>
    </row>
    <row r="70" spans="1:7" ht="15" x14ac:dyDescent="0.25">
      <c r="A70"/>
      <c r="B70"/>
      <c r="C70"/>
      <c r="D70" t="s">
        <v>100</v>
      </c>
      <c r="E70" s="6"/>
      <c r="F70" s="6">
        <v>-1688.45</v>
      </c>
      <c r="G70" s="6">
        <v>-1688.45</v>
      </c>
    </row>
    <row r="71" spans="1:7" ht="15" x14ac:dyDescent="0.25">
      <c r="A71"/>
      <c r="B71"/>
      <c r="C71"/>
      <c r="D71" t="s">
        <v>109</v>
      </c>
      <c r="E71" s="6"/>
      <c r="F71" s="6">
        <v>-2565.5399999999995</v>
      </c>
      <c r="G71" s="6">
        <v>-2565.5399999999995</v>
      </c>
    </row>
    <row r="72" spans="1:7" ht="15" x14ac:dyDescent="0.25">
      <c r="A72"/>
      <c r="B72"/>
      <c r="C72" t="s">
        <v>83</v>
      </c>
      <c r="D72" t="s">
        <v>64</v>
      </c>
      <c r="E72" s="6"/>
      <c r="F72" s="6">
        <v>0</v>
      </c>
      <c r="G72" s="6">
        <v>0</v>
      </c>
    </row>
    <row r="73" spans="1:7" ht="15" x14ac:dyDescent="0.25">
      <c r="A73"/>
      <c r="B73"/>
      <c r="C73"/>
      <c r="D73" t="s">
        <v>105</v>
      </c>
      <c r="E73" s="6"/>
      <c r="F73" s="6">
        <v>0</v>
      </c>
      <c r="G73" s="6">
        <v>0</v>
      </c>
    </row>
    <row r="74" spans="1:7" ht="15" x14ac:dyDescent="0.25">
      <c r="A74"/>
      <c r="B74"/>
      <c r="C74" t="s">
        <v>84</v>
      </c>
      <c r="D74" t="s">
        <v>99</v>
      </c>
      <c r="E74" s="6"/>
      <c r="F74" s="6">
        <v>0</v>
      </c>
      <c r="G74" s="6">
        <v>0</v>
      </c>
    </row>
    <row r="75" spans="1:7" ht="15" x14ac:dyDescent="0.25">
      <c r="A75"/>
      <c r="B75"/>
      <c r="C75"/>
      <c r="D75" t="s">
        <v>102</v>
      </c>
      <c r="E75" s="6"/>
      <c r="F75" s="6">
        <v>0</v>
      </c>
      <c r="G75" s="6">
        <v>0</v>
      </c>
    </row>
    <row r="76" spans="1:7" ht="15" x14ac:dyDescent="0.25">
      <c r="A76"/>
      <c r="B76"/>
      <c r="C76" t="s">
        <v>85</v>
      </c>
      <c r="D76" t="s">
        <v>98</v>
      </c>
      <c r="E76" s="6"/>
      <c r="F76" s="6">
        <v>183.3</v>
      </c>
      <c r="G76" s="6">
        <v>183.3</v>
      </c>
    </row>
    <row r="77" spans="1:7" ht="15" x14ac:dyDescent="0.25">
      <c r="A77"/>
      <c r="B77"/>
      <c r="C77" t="s">
        <v>86</v>
      </c>
      <c r="D77" t="s">
        <v>98</v>
      </c>
      <c r="E77" s="6"/>
      <c r="F77" s="6">
        <v>1246.27</v>
      </c>
      <c r="G77" s="6">
        <v>1246.27</v>
      </c>
    </row>
    <row r="78" spans="1:7" ht="15" x14ac:dyDescent="0.25">
      <c r="A78"/>
      <c r="B78"/>
      <c r="C78" t="s">
        <v>87</v>
      </c>
      <c r="D78" t="s">
        <v>64</v>
      </c>
      <c r="E78" s="6"/>
      <c r="F78" s="6">
        <v>24636.739999999998</v>
      </c>
      <c r="G78" s="6">
        <v>24636.739999999998</v>
      </c>
    </row>
    <row r="79" spans="1:7" ht="15" x14ac:dyDescent="0.25">
      <c r="A79"/>
      <c r="B79"/>
      <c r="C79" t="s">
        <v>88</v>
      </c>
      <c r="D79" t="s">
        <v>98</v>
      </c>
      <c r="E79" s="6"/>
      <c r="F79" s="6">
        <v>0</v>
      </c>
      <c r="G79" s="6">
        <v>0</v>
      </c>
    </row>
    <row r="80" spans="1:7" ht="15" x14ac:dyDescent="0.25">
      <c r="A80"/>
      <c r="B80"/>
      <c r="C80" t="s">
        <v>89</v>
      </c>
      <c r="D80" t="s">
        <v>98</v>
      </c>
      <c r="E80" s="6"/>
      <c r="F80" s="6">
        <v>0</v>
      </c>
      <c r="G80" s="6">
        <v>0</v>
      </c>
    </row>
    <row r="81" spans="1:7" ht="15" x14ac:dyDescent="0.25">
      <c r="A81"/>
      <c r="B81"/>
      <c r="C81"/>
      <c r="D81" t="s">
        <v>103</v>
      </c>
      <c r="E81" s="6"/>
      <c r="F81" s="6">
        <v>0</v>
      </c>
      <c r="G81" s="6">
        <v>0</v>
      </c>
    </row>
    <row r="82" spans="1:7" ht="15" x14ac:dyDescent="0.25">
      <c r="A82"/>
      <c r="B82"/>
      <c r="C82" t="s">
        <v>90</v>
      </c>
      <c r="D82" t="s">
        <v>107</v>
      </c>
      <c r="E82" s="6"/>
      <c r="F82" s="6">
        <v>0</v>
      </c>
      <c r="G82" s="6">
        <v>0</v>
      </c>
    </row>
    <row r="83" spans="1:7" ht="15" x14ac:dyDescent="0.25">
      <c r="A83"/>
      <c r="B83"/>
      <c r="C83"/>
      <c r="D83" t="s">
        <v>99</v>
      </c>
      <c r="E83" s="6"/>
      <c r="F83" s="6">
        <v>17395.850000000002</v>
      </c>
      <c r="G83" s="6">
        <v>17395.850000000002</v>
      </c>
    </row>
    <row r="84" spans="1:7" ht="15" x14ac:dyDescent="0.25">
      <c r="A84"/>
      <c r="B84"/>
      <c r="C84"/>
      <c r="D84" t="s">
        <v>97</v>
      </c>
      <c r="E84" s="6"/>
      <c r="F84" s="6">
        <v>24782.27</v>
      </c>
      <c r="G84" s="6">
        <v>24782.27</v>
      </c>
    </row>
    <row r="85" spans="1:7" ht="15" x14ac:dyDescent="0.25">
      <c r="A85"/>
      <c r="B85"/>
      <c r="C85"/>
      <c r="D85" t="s">
        <v>103</v>
      </c>
      <c r="E85" s="6"/>
      <c r="F85" s="6">
        <v>144070.51</v>
      </c>
      <c r="G85" s="6">
        <v>144070.51</v>
      </c>
    </row>
    <row r="86" spans="1:7" ht="15" x14ac:dyDescent="0.25">
      <c r="A86"/>
      <c r="B86"/>
      <c r="C86"/>
      <c r="D86" t="s">
        <v>105</v>
      </c>
      <c r="E86" s="6"/>
      <c r="F86" s="6">
        <v>157.51000000000002</v>
      </c>
      <c r="G86" s="6">
        <v>157.51000000000002</v>
      </c>
    </row>
    <row r="87" spans="1:7" ht="15" x14ac:dyDescent="0.25">
      <c r="A87"/>
      <c r="B87"/>
      <c r="C87"/>
      <c r="D87" t="s">
        <v>106</v>
      </c>
      <c r="E87" s="6"/>
      <c r="F87" s="6">
        <v>321.27999999999997</v>
      </c>
      <c r="G87" s="6">
        <v>321.27999999999997</v>
      </c>
    </row>
    <row r="88" spans="1:7" ht="15" x14ac:dyDescent="0.25">
      <c r="A88"/>
      <c r="B88"/>
      <c r="C88" t="s">
        <v>91</v>
      </c>
      <c r="D88" t="s">
        <v>103</v>
      </c>
      <c r="E88" s="6"/>
      <c r="F88" s="6">
        <v>0</v>
      </c>
      <c r="G88" s="6">
        <v>0</v>
      </c>
    </row>
    <row r="89" spans="1:7" ht="15" x14ac:dyDescent="0.25">
      <c r="A89"/>
      <c r="B89"/>
      <c r="C89" t="s">
        <v>61</v>
      </c>
      <c r="D89" t="s">
        <v>101</v>
      </c>
      <c r="E89" s="6"/>
      <c r="F89" s="6">
        <v>570.46</v>
      </c>
      <c r="G89" s="6">
        <v>570.46</v>
      </c>
    </row>
    <row r="90" spans="1:7" ht="15" x14ac:dyDescent="0.25">
      <c r="A90"/>
      <c r="B90"/>
      <c r="C90" t="s">
        <v>92</v>
      </c>
      <c r="D90" t="s">
        <v>97</v>
      </c>
      <c r="E90" s="6"/>
      <c r="F90" s="6">
        <v>0</v>
      </c>
      <c r="G90" s="6">
        <v>0</v>
      </c>
    </row>
    <row r="91" spans="1:7" ht="15" x14ac:dyDescent="0.25">
      <c r="A91"/>
      <c r="B91"/>
      <c r="C91" t="s">
        <v>93</v>
      </c>
      <c r="D91" t="s">
        <v>97</v>
      </c>
      <c r="E91" s="6"/>
      <c r="F91" s="6">
        <v>0</v>
      </c>
      <c r="G91" s="6">
        <v>0</v>
      </c>
    </row>
    <row r="92" spans="1:7" ht="15" x14ac:dyDescent="0.25">
      <c r="A92"/>
      <c r="B92"/>
      <c r="C92"/>
      <c r="D92" t="s">
        <v>64</v>
      </c>
      <c r="E92" s="6"/>
      <c r="F92" s="6">
        <v>0</v>
      </c>
      <c r="G92" s="6">
        <v>0</v>
      </c>
    </row>
    <row r="93" spans="1:7" ht="15" x14ac:dyDescent="0.25">
      <c r="A93"/>
      <c r="B93"/>
      <c r="C93" t="s">
        <v>94</v>
      </c>
      <c r="D93" t="s">
        <v>103</v>
      </c>
      <c r="E93" s="6"/>
      <c r="F93" s="6">
        <v>5385.24</v>
      </c>
      <c r="G93" s="6">
        <v>5385.24</v>
      </c>
    </row>
    <row r="94" spans="1:7" ht="15" x14ac:dyDescent="0.25">
      <c r="A94"/>
      <c r="B94" t="s">
        <v>115</v>
      </c>
      <c r="C94"/>
      <c r="D94"/>
      <c r="E94" s="6"/>
      <c r="F94" s="6">
        <v>243.15</v>
      </c>
      <c r="G94" s="6">
        <v>243.15</v>
      </c>
    </row>
    <row r="95" spans="1:7" ht="15" x14ac:dyDescent="0.25">
      <c r="A95"/>
      <c r="B95" t="s">
        <v>116</v>
      </c>
      <c r="C95"/>
      <c r="D95"/>
      <c r="E95" s="6"/>
      <c r="F95" s="6">
        <v>5.68</v>
      </c>
      <c r="G95" s="6">
        <v>5.68</v>
      </c>
    </row>
    <row r="96" spans="1:7" ht="15" x14ac:dyDescent="0.25">
      <c r="A96"/>
      <c r="B96" t="s">
        <v>117</v>
      </c>
      <c r="C96"/>
      <c r="D96"/>
      <c r="E96" s="6"/>
      <c r="F96" s="6">
        <v>0.93</v>
      </c>
      <c r="G96" s="6">
        <v>0.93</v>
      </c>
    </row>
    <row r="97" spans="1:7" ht="15" x14ac:dyDescent="0.25">
      <c r="A97" t="s">
        <v>95</v>
      </c>
      <c r="B97"/>
      <c r="C97"/>
      <c r="D97"/>
      <c r="E97" s="6">
        <v>573940.69999999995</v>
      </c>
      <c r="F97" s="6">
        <v>282930.26000000007</v>
      </c>
      <c r="G97" s="6">
        <v>856870.96</v>
      </c>
    </row>
    <row r="98" spans="1:7" ht="15" x14ac:dyDescent="0.25">
      <c r="A98" t="s">
        <v>12</v>
      </c>
      <c r="B98"/>
      <c r="C98"/>
      <c r="D98"/>
      <c r="E98" s="6">
        <v>573940.69999999995</v>
      </c>
      <c r="F98" s="6">
        <v>282930.26000000007</v>
      </c>
      <c r="G98" s="6">
        <v>856870.96</v>
      </c>
    </row>
    <row r="99" spans="1:7" ht="15" x14ac:dyDescent="0.25">
      <c r="A99"/>
      <c r="B99"/>
      <c r="C99"/>
      <c r="D99"/>
      <c r="E99"/>
      <c r="F99"/>
      <c r="G99"/>
    </row>
    <row r="100" spans="1:7" ht="15" x14ac:dyDescent="0.25">
      <c r="A100"/>
      <c r="B100"/>
      <c r="C100"/>
      <c r="D100"/>
      <c r="E100"/>
      <c r="F100"/>
      <c r="G100"/>
    </row>
    <row r="101" spans="1:7" ht="15" x14ac:dyDescent="0.25">
      <c r="A101"/>
      <c r="B101"/>
      <c r="C101"/>
      <c r="D101"/>
      <c r="E101"/>
      <c r="F101"/>
      <c r="G101"/>
    </row>
    <row r="102" spans="1:7" ht="15" x14ac:dyDescent="0.25">
      <c r="A102"/>
      <c r="B102"/>
      <c r="C102"/>
      <c r="D102"/>
      <c r="E102"/>
      <c r="F102"/>
      <c r="G102"/>
    </row>
    <row r="103" spans="1:7" ht="15" x14ac:dyDescent="0.25">
      <c r="A103"/>
      <c r="B103"/>
      <c r="C103"/>
      <c r="D103"/>
      <c r="E103"/>
      <c r="F103"/>
      <c r="G103"/>
    </row>
    <row r="104" spans="1:7" ht="15" x14ac:dyDescent="0.25">
      <c r="A104"/>
      <c r="B104"/>
      <c r="C104"/>
      <c r="D104"/>
      <c r="E104"/>
      <c r="F104"/>
      <c r="G104"/>
    </row>
    <row r="105" spans="1:7" ht="15" x14ac:dyDescent="0.25">
      <c r="A105"/>
      <c r="B105"/>
      <c r="C105"/>
      <c r="D105"/>
      <c r="E105"/>
      <c r="F105"/>
      <c r="G105"/>
    </row>
    <row r="106" spans="1:7" ht="15" x14ac:dyDescent="0.25">
      <c r="A106"/>
      <c r="B106"/>
      <c r="C106"/>
      <c r="D106"/>
      <c r="E106"/>
      <c r="F106"/>
      <c r="G106"/>
    </row>
    <row r="107" spans="1:7" ht="15" x14ac:dyDescent="0.25">
      <c r="A107"/>
      <c r="B107"/>
      <c r="C107"/>
      <c r="D107"/>
      <c r="E107"/>
      <c r="F107"/>
    </row>
    <row r="108" spans="1:7" ht="15" x14ac:dyDescent="0.25">
      <c r="A108"/>
      <c r="B108"/>
      <c r="C108"/>
      <c r="D108"/>
      <c r="E108"/>
      <c r="F108"/>
    </row>
    <row r="109" spans="1:7" ht="15" x14ac:dyDescent="0.25">
      <c r="A109"/>
      <c r="B109"/>
      <c r="C109"/>
      <c r="D109"/>
      <c r="E109"/>
      <c r="F109"/>
    </row>
    <row r="110" spans="1:7" ht="15" x14ac:dyDescent="0.25">
      <c r="A110"/>
      <c r="B110"/>
      <c r="C110"/>
      <c r="D110"/>
      <c r="E110"/>
      <c r="F110"/>
    </row>
    <row r="111" spans="1:7" ht="15" x14ac:dyDescent="0.25">
      <c r="A111"/>
      <c r="B111"/>
      <c r="C111"/>
      <c r="D111"/>
      <c r="E111"/>
      <c r="F111"/>
    </row>
    <row r="112" spans="1:7" ht="15" x14ac:dyDescent="0.25">
      <c r="A112"/>
      <c r="B112"/>
      <c r="C112"/>
      <c r="D112"/>
      <c r="E112"/>
      <c r="F112"/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306D3C-3665-4C78-A5D2-AF7FCC9A7B2F}">
  <dimension ref="A2:J51"/>
  <sheetViews>
    <sheetView workbookViewId="0">
      <selection activeCell="B33" sqref="B33"/>
    </sheetView>
  </sheetViews>
  <sheetFormatPr defaultRowHeight="12.75" x14ac:dyDescent="0.2"/>
  <cols>
    <col min="1" max="1" width="20.5703125" style="1" bestFit="1" customWidth="1"/>
    <col min="2" max="2" width="52.140625" style="1" customWidth="1"/>
    <col min="3" max="3" width="47.28515625" style="1" customWidth="1"/>
    <col min="4" max="4" width="39.140625" style="1" customWidth="1"/>
    <col min="5" max="5" width="19.28515625" style="1" bestFit="1" customWidth="1"/>
    <col min="6" max="6" width="10.42578125" style="1" bestFit="1" customWidth="1"/>
    <col min="7" max="7" width="12.140625" style="1" bestFit="1" customWidth="1"/>
    <col min="8" max="9" width="18.85546875" style="1" bestFit="1" customWidth="1"/>
    <col min="10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2" spans="1:10" ht="15" x14ac:dyDescent="0.25">
      <c r="A2" s="5" t="s">
        <v>8</v>
      </c>
      <c r="B2" s="7">
        <v>2025</v>
      </c>
    </row>
    <row r="4" spans="1:10" ht="15" x14ac:dyDescent="0.25">
      <c r="A4" s="5" t="s">
        <v>7</v>
      </c>
      <c r="B4"/>
      <c r="C4"/>
      <c r="D4"/>
      <c r="E4"/>
      <c r="F4" s="5" t="s">
        <v>9</v>
      </c>
      <c r="G4"/>
      <c r="H4"/>
      <c r="I4"/>
      <c r="J4"/>
    </row>
    <row r="5" spans="1:10" ht="15" x14ac:dyDescent="0.25">
      <c r="A5" s="5" t="s">
        <v>0</v>
      </c>
      <c r="B5" s="5" t="s">
        <v>54</v>
      </c>
      <c r="C5" s="5" t="s">
        <v>57</v>
      </c>
      <c r="D5" s="5" t="s">
        <v>62</v>
      </c>
      <c r="E5" s="5" t="s">
        <v>66</v>
      </c>
      <c r="F5" t="s">
        <v>27</v>
      </c>
      <c r="G5" t="s">
        <v>12</v>
      </c>
      <c r="H5"/>
      <c r="I5"/>
      <c r="J5"/>
    </row>
    <row r="6" spans="1:10" ht="15" x14ac:dyDescent="0.25">
      <c r="A6" t="s">
        <v>32</v>
      </c>
      <c r="B6" t="s">
        <v>68</v>
      </c>
      <c r="C6" t="s">
        <v>59</v>
      </c>
      <c r="D6" t="s">
        <v>64</v>
      </c>
      <c r="E6" t="s">
        <v>67</v>
      </c>
      <c r="F6" s="6">
        <v>0</v>
      </c>
      <c r="G6" s="6">
        <v>0</v>
      </c>
      <c r="H6"/>
      <c r="I6"/>
      <c r="J6"/>
    </row>
    <row r="7" spans="1:10" ht="15" x14ac:dyDescent="0.25">
      <c r="A7"/>
      <c r="B7" t="s">
        <v>69</v>
      </c>
      <c r="C7" t="s">
        <v>58</v>
      </c>
      <c r="D7" t="s">
        <v>63</v>
      </c>
      <c r="E7" t="s">
        <v>67</v>
      </c>
      <c r="F7" s="6">
        <v>0</v>
      </c>
      <c r="G7" s="6">
        <v>0</v>
      </c>
      <c r="H7"/>
      <c r="I7"/>
      <c r="J7"/>
    </row>
    <row r="8" spans="1:10" ht="15" x14ac:dyDescent="0.25">
      <c r="A8"/>
      <c r="B8"/>
      <c r="C8"/>
      <c r="D8" t="s">
        <v>64</v>
      </c>
      <c r="E8" t="s">
        <v>67</v>
      </c>
      <c r="F8" s="6">
        <v>0</v>
      </c>
      <c r="G8" s="6">
        <v>0</v>
      </c>
      <c r="H8"/>
      <c r="I8"/>
      <c r="J8"/>
    </row>
    <row r="9" spans="1:10" ht="15" x14ac:dyDescent="0.25">
      <c r="A9"/>
      <c r="B9"/>
      <c r="C9" t="s">
        <v>59</v>
      </c>
      <c r="D9" t="s">
        <v>63</v>
      </c>
      <c r="E9" t="s">
        <v>67</v>
      </c>
      <c r="F9" s="6">
        <v>2.2799999999999998</v>
      </c>
      <c r="G9" s="6">
        <v>2.2799999999999998</v>
      </c>
      <c r="H9"/>
      <c r="I9"/>
      <c r="J9"/>
    </row>
    <row r="10" spans="1:10" ht="15" x14ac:dyDescent="0.25">
      <c r="A10"/>
      <c r="B10"/>
      <c r="C10"/>
      <c r="D10" t="s">
        <v>64</v>
      </c>
      <c r="E10" t="s">
        <v>67</v>
      </c>
      <c r="F10" s="6">
        <v>1.2300000000000004</v>
      </c>
      <c r="G10" s="6">
        <v>1.2300000000000004</v>
      </c>
      <c r="H10"/>
      <c r="I10"/>
      <c r="J10"/>
    </row>
    <row r="11" spans="1:10" ht="15" x14ac:dyDescent="0.25">
      <c r="A11" t="s">
        <v>55</v>
      </c>
      <c r="B11"/>
      <c r="C11"/>
      <c r="D11"/>
      <c r="E11"/>
      <c r="F11" s="6">
        <v>3.5100000000000002</v>
      </c>
      <c r="G11" s="6">
        <v>3.5100000000000002</v>
      </c>
      <c r="H11"/>
      <c r="I11"/>
      <c r="J11"/>
    </row>
    <row r="12" spans="1:10" ht="15" x14ac:dyDescent="0.25">
      <c r="A12" t="s">
        <v>33</v>
      </c>
      <c r="B12" t="s">
        <v>70</v>
      </c>
      <c r="C12" t="s">
        <v>59</v>
      </c>
      <c r="D12" t="s">
        <v>63</v>
      </c>
      <c r="E12" t="s">
        <v>67</v>
      </c>
      <c r="F12" s="6">
        <v>27.41</v>
      </c>
      <c r="G12" s="6">
        <v>27.41</v>
      </c>
      <c r="H12"/>
      <c r="I12"/>
      <c r="J12"/>
    </row>
    <row r="13" spans="1:10" ht="15" x14ac:dyDescent="0.25">
      <c r="A13"/>
      <c r="B13"/>
      <c r="C13" t="s">
        <v>61</v>
      </c>
      <c r="D13" t="s">
        <v>64</v>
      </c>
      <c r="E13" t="s">
        <v>67</v>
      </c>
      <c r="F13" s="6">
        <v>118.88</v>
      </c>
      <c r="G13" s="6">
        <v>118.88</v>
      </c>
      <c r="H13"/>
      <c r="I13"/>
      <c r="J13"/>
    </row>
    <row r="14" spans="1:10" ht="15" x14ac:dyDescent="0.25">
      <c r="A14"/>
      <c r="B14" t="s">
        <v>71</v>
      </c>
      <c r="C14" t="s">
        <v>60</v>
      </c>
      <c r="D14" t="s">
        <v>64</v>
      </c>
      <c r="E14" t="s">
        <v>67</v>
      </c>
      <c r="F14" s="6">
        <v>0</v>
      </c>
      <c r="G14" s="6">
        <v>0</v>
      </c>
      <c r="H14"/>
      <c r="I14"/>
      <c r="J14"/>
    </row>
    <row r="15" spans="1:10" ht="15" x14ac:dyDescent="0.25">
      <c r="A15"/>
      <c r="B15"/>
      <c r="C15" t="s">
        <v>58</v>
      </c>
      <c r="D15" t="s">
        <v>63</v>
      </c>
      <c r="E15" t="s">
        <v>67</v>
      </c>
      <c r="F15" s="6">
        <v>0</v>
      </c>
      <c r="G15" s="6">
        <v>0</v>
      </c>
      <c r="H15"/>
      <c r="I15"/>
      <c r="J15"/>
    </row>
    <row r="16" spans="1:10" ht="15" x14ac:dyDescent="0.25">
      <c r="A16"/>
      <c r="B16"/>
      <c r="C16" t="s">
        <v>59</v>
      </c>
      <c r="D16" t="s">
        <v>63</v>
      </c>
      <c r="E16" t="s">
        <v>67</v>
      </c>
      <c r="F16" s="6">
        <v>455.58000000000004</v>
      </c>
      <c r="G16" s="6">
        <v>455.58000000000004</v>
      </c>
      <c r="H16"/>
      <c r="I16"/>
      <c r="J16"/>
    </row>
    <row r="17" spans="1:10" ht="15" x14ac:dyDescent="0.25">
      <c r="A17"/>
      <c r="B17"/>
      <c r="C17" t="s">
        <v>61</v>
      </c>
      <c r="D17" t="s">
        <v>64</v>
      </c>
      <c r="E17" t="s">
        <v>67</v>
      </c>
      <c r="F17" s="6">
        <v>1879.47</v>
      </c>
      <c r="G17" s="6">
        <v>1879.47</v>
      </c>
      <c r="H17"/>
      <c r="I17"/>
      <c r="J17"/>
    </row>
    <row r="18" spans="1:10" ht="15" x14ac:dyDescent="0.25">
      <c r="A18"/>
      <c r="B18" t="s">
        <v>72</v>
      </c>
      <c r="C18" t="s">
        <v>58</v>
      </c>
      <c r="D18" t="s">
        <v>63</v>
      </c>
      <c r="E18" t="s">
        <v>67</v>
      </c>
      <c r="F18" s="6">
        <v>0</v>
      </c>
      <c r="G18" s="6">
        <v>0</v>
      </c>
      <c r="H18"/>
      <c r="I18"/>
      <c r="J18"/>
    </row>
    <row r="19" spans="1:10" ht="15" x14ac:dyDescent="0.25">
      <c r="A19"/>
      <c r="B19"/>
      <c r="C19"/>
      <c r="D19" t="s">
        <v>64</v>
      </c>
      <c r="E19" t="s">
        <v>67</v>
      </c>
      <c r="F19" s="6">
        <v>0</v>
      </c>
      <c r="G19" s="6">
        <v>0</v>
      </c>
      <c r="H19"/>
      <c r="I19"/>
      <c r="J19"/>
    </row>
    <row r="20" spans="1:10" ht="15" x14ac:dyDescent="0.25">
      <c r="A20"/>
      <c r="B20"/>
      <c r="C20" t="s">
        <v>59</v>
      </c>
      <c r="D20" t="s">
        <v>63</v>
      </c>
      <c r="E20" t="s">
        <v>67</v>
      </c>
      <c r="F20" s="6">
        <v>198.24</v>
      </c>
      <c r="G20" s="6">
        <v>198.24</v>
      </c>
    </row>
    <row r="21" spans="1:10" ht="15" x14ac:dyDescent="0.25">
      <c r="A21"/>
      <c r="B21"/>
      <c r="C21"/>
      <c r="D21" t="s">
        <v>65</v>
      </c>
      <c r="E21" t="s">
        <v>67</v>
      </c>
      <c r="F21" s="6">
        <v>7.67</v>
      </c>
      <c r="G21" s="6">
        <v>7.67</v>
      </c>
    </row>
    <row r="22" spans="1:10" ht="15" x14ac:dyDescent="0.25">
      <c r="A22"/>
      <c r="B22"/>
      <c r="C22"/>
      <c r="D22" t="s">
        <v>64</v>
      </c>
      <c r="E22" t="s">
        <v>67</v>
      </c>
      <c r="F22" s="6">
        <v>140.50000000000003</v>
      </c>
      <c r="G22" s="6">
        <v>140.50000000000003</v>
      </c>
    </row>
    <row r="23" spans="1:10" ht="15" x14ac:dyDescent="0.25">
      <c r="A23"/>
      <c r="B23"/>
      <c r="C23" t="s">
        <v>61</v>
      </c>
      <c r="D23" t="s">
        <v>64</v>
      </c>
      <c r="E23" t="s">
        <v>67</v>
      </c>
      <c r="F23" s="6">
        <v>64.37</v>
      </c>
      <c r="G23" s="6">
        <v>64.37</v>
      </c>
    </row>
    <row r="24" spans="1:10" ht="15" x14ac:dyDescent="0.25">
      <c r="A24"/>
      <c r="B24" t="s">
        <v>73</v>
      </c>
      <c r="C24" t="s">
        <v>60</v>
      </c>
      <c r="D24" t="s">
        <v>64</v>
      </c>
      <c r="E24" t="s">
        <v>67</v>
      </c>
      <c r="F24" s="6">
        <v>0</v>
      </c>
      <c r="G24" s="6">
        <v>0</v>
      </c>
    </row>
    <row r="25" spans="1:10" ht="15" x14ac:dyDescent="0.25">
      <c r="A25"/>
      <c r="B25"/>
      <c r="C25" t="s">
        <v>58</v>
      </c>
      <c r="D25" t="s">
        <v>64</v>
      </c>
      <c r="E25" t="s">
        <v>67</v>
      </c>
      <c r="F25" s="6">
        <v>0</v>
      </c>
      <c r="G25" s="6">
        <v>0</v>
      </c>
    </row>
    <row r="26" spans="1:10" ht="15" x14ac:dyDescent="0.25">
      <c r="A26"/>
      <c r="B26"/>
      <c r="C26" t="s">
        <v>59</v>
      </c>
      <c r="D26" t="s">
        <v>64</v>
      </c>
      <c r="E26" t="s">
        <v>67</v>
      </c>
      <c r="F26" s="6">
        <v>0</v>
      </c>
      <c r="G26" s="6">
        <v>0</v>
      </c>
    </row>
    <row r="27" spans="1:10" ht="15" x14ac:dyDescent="0.25">
      <c r="A27"/>
      <c r="B27"/>
      <c r="C27" t="s">
        <v>61</v>
      </c>
      <c r="D27" t="s">
        <v>64</v>
      </c>
      <c r="E27" t="s">
        <v>67</v>
      </c>
      <c r="F27" s="6">
        <v>2.0699999999999998</v>
      </c>
      <c r="G27" s="6">
        <v>2.0699999999999998</v>
      </c>
    </row>
    <row r="28" spans="1:10" ht="15" x14ac:dyDescent="0.25">
      <c r="A28" t="s">
        <v>56</v>
      </c>
      <c r="B28"/>
      <c r="C28"/>
      <c r="D28"/>
      <c r="E28"/>
      <c r="F28" s="6">
        <v>2894.19</v>
      </c>
      <c r="G28" s="6">
        <v>2894.19</v>
      </c>
    </row>
    <row r="29" spans="1:10" ht="15" x14ac:dyDescent="0.25">
      <c r="A29" t="s">
        <v>12</v>
      </c>
      <c r="B29"/>
      <c r="C29"/>
      <c r="D29"/>
      <c r="E29"/>
      <c r="F29" s="6">
        <v>2897.7000000000003</v>
      </c>
      <c r="G29" s="6">
        <v>2897.7000000000003</v>
      </c>
    </row>
    <row r="30" spans="1:10" ht="15" x14ac:dyDescent="0.25">
      <c r="A30"/>
      <c r="B30"/>
      <c r="C30"/>
      <c r="D30"/>
      <c r="E30"/>
      <c r="F30"/>
      <c r="G30"/>
    </row>
    <row r="31" spans="1:10" ht="15" x14ac:dyDescent="0.25">
      <c r="A31"/>
      <c r="B31"/>
      <c r="C31"/>
      <c r="D31"/>
      <c r="E31"/>
      <c r="F31"/>
      <c r="G31"/>
    </row>
    <row r="32" spans="1:10" ht="15" x14ac:dyDescent="0.25">
      <c r="A32"/>
      <c r="B32"/>
      <c r="C32"/>
      <c r="D32"/>
      <c r="E32"/>
      <c r="F32"/>
      <c r="G32"/>
    </row>
    <row r="33" spans="1:7" ht="15" x14ac:dyDescent="0.25">
      <c r="A33"/>
      <c r="B33"/>
      <c r="C33"/>
      <c r="D33"/>
      <c r="E33"/>
      <c r="F33"/>
      <c r="G33"/>
    </row>
    <row r="34" spans="1:7" ht="15" x14ac:dyDescent="0.25">
      <c r="A34"/>
      <c r="B34"/>
      <c r="C34"/>
      <c r="D34"/>
      <c r="E34"/>
      <c r="F34"/>
      <c r="G34"/>
    </row>
    <row r="35" spans="1:7" ht="15" x14ac:dyDescent="0.25">
      <c r="A35"/>
      <c r="B35"/>
      <c r="C35"/>
      <c r="D35"/>
      <c r="E35"/>
      <c r="F35"/>
      <c r="G35"/>
    </row>
    <row r="36" spans="1:7" ht="15" x14ac:dyDescent="0.25">
      <c r="A36"/>
      <c r="B36"/>
      <c r="C36"/>
      <c r="D36"/>
      <c r="E36"/>
      <c r="F36"/>
      <c r="G36"/>
    </row>
    <row r="37" spans="1:7" ht="15" x14ac:dyDescent="0.25">
      <c r="A37"/>
      <c r="B37"/>
      <c r="C37"/>
      <c r="D37"/>
      <c r="E37"/>
      <c r="F37"/>
      <c r="G37"/>
    </row>
    <row r="38" spans="1:7" ht="15" x14ac:dyDescent="0.25">
      <c r="A38"/>
      <c r="B38"/>
      <c r="C38"/>
      <c r="D38"/>
      <c r="E38"/>
      <c r="F38"/>
      <c r="G38"/>
    </row>
    <row r="39" spans="1:7" ht="15" x14ac:dyDescent="0.25">
      <c r="A39"/>
      <c r="B39"/>
      <c r="C39"/>
      <c r="D39"/>
      <c r="E39"/>
      <c r="F39"/>
      <c r="G39"/>
    </row>
    <row r="40" spans="1:7" ht="15" x14ac:dyDescent="0.25">
      <c r="A40"/>
      <c r="B40"/>
      <c r="C40"/>
      <c r="D40"/>
      <c r="E40"/>
      <c r="F40"/>
      <c r="G40"/>
    </row>
    <row r="41" spans="1:7" ht="15" x14ac:dyDescent="0.25">
      <c r="A41"/>
      <c r="B41"/>
      <c r="C41"/>
      <c r="D41"/>
      <c r="E41"/>
      <c r="F41"/>
      <c r="G41"/>
    </row>
    <row r="42" spans="1:7" ht="15" x14ac:dyDescent="0.25">
      <c r="A42"/>
      <c r="B42"/>
      <c r="C42"/>
      <c r="D42"/>
      <c r="E42"/>
      <c r="F42"/>
      <c r="G42"/>
    </row>
    <row r="43" spans="1:7" ht="15" x14ac:dyDescent="0.25">
      <c r="A43"/>
      <c r="B43"/>
      <c r="C43"/>
      <c r="D43"/>
      <c r="E43"/>
      <c r="F43"/>
      <c r="G43"/>
    </row>
    <row r="44" spans="1:7" ht="15" x14ac:dyDescent="0.25">
      <c r="A44"/>
      <c r="B44"/>
      <c r="C44"/>
      <c r="D44"/>
      <c r="E44"/>
      <c r="F44"/>
      <c r="G44"/>
    </row>
    <row r="45" spans="1:7" ht="15" x14ac:dyDescent="0.25">
      <c r="A45"/>
      <c r="B45"/>
      <c r="C45"/>
      <c r="D45"/>
      <c r="E45"/>
      <c r="F45"/>
      <c r="G45"/>
    </row>
    <row r="46" spans="1:7" ht="15" x14ac:dyDescent="0.25">
      <c r="A46"/>
      <c r="B46"/>
      <c r="C46"/>
      <c r="D46"/>
      <c r="E46"/>
      <c r="F46"/>
      <c r="G46"/>
    </row>
    <row r="47" spans="1:7" ht="15" x14ac:dyDescent="0.25">
      <c r="A47"/>
      <c r="B47"/>
      <c r="C47"/>
      <c r="D47"/>
      <c r="E47"/>
      <c r="F47"/>
      <c r="G47"/>
    </row>
    <row r="48" spans="1:7" ht="15" x14ac:dyDescent="0.25">
      <c r="A48"/>
      <c r="B48"/>
      <c r="C48"/>
      <c r="D48"/>
      <c r="E48"/>
      <c r="F48"/>
      <c r="G48"/>
    </row>
    <row r="49" spans="1:7" ht="15" x14ac:dyDescent="0.25">
      <c r="A49"/>
      <c r="B49"/>
      <c r="C49"/>
      <c r="D49"/>
      <c r="E49"/>
      <c r="F49"/>
      <c r="G49"/>
    </row>
    <row r="50" spans="1:7" ht="15" x14ac:dyDescent="0.25">
      <c r="A50"/>
      <c r="B50"/>
      <c r="C50"/>
      <c r="D50"/>
      <c r="E50"/>
      <c r="F50"/>
      <c r="G50"/>
    </row>
    <row r="51" spans="1:7" ht="15" x14ac:dyDescent="0.25">
      <c r="A51"/>
      <c r="B51"/>
      <c r="C51"/>
      <c r="D51"/>
      <c r="E51"/>
      <c r="F51"/>
      <c r="G51"/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6674FD-4BA4-4611-AEA2-63AD543608B3}">
  <dimension ref="A1:J21"/>
  <sheetViews>
    <sheetView workbookViewId="0"/>
  </sheetViews>
  <sheetFormatPr defaultRowHeight="12.75" x14ac:dyDescent="0.2"/>
  <cols>
    <col min="1" max="1" width="31.42578125" style="1" customWidth="1"/>
    <col min="2" max="2" width="20" style="1" bestFit="1" customWidth="1"/>
    <col min="3" max="3" width="18.85546875" style="1" bestFit="1" customWidth="1"/>
    <col min="4" max="4" width="16" style="1" bestFit="1" customWidth="1"/>
    <col min="5" max="9" width="18.85546875" style="1" bestFit="1" customWidth="1"/>
    <col min="10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1" spans="1:10" x14ac:dyDescent="0.2">
      <c r="A1" s="1" t="s">
        <v>53</v>
      </c>
      <c r="C1" s="2"/>
      <c r="D1" s="2"/>
      <c r="E1" s="2"/>
      <c r="F1" s="2"/>
      <c r="G1" s="2"/>
      <c r="H1" s="2"/>
      <c r="I1" s="2"/>
      <c r="J1" s="2"/>
    </row>
    <row r="2" spans="1:10" x14ac:dyDescent="0.2">
      <c r="C2" s="2"/>
      <c r="D2" s="2"/>
      <c r="E2" s="2"/>
      <c r="F2" s="2"/>
      <c r="G2" s="2"/>
      <c r="H2" s="2"/>
      <c r="I2" s="2"/>
      <c r="J2" s="2"/>
    </row>
    <row r="3" spans="1:10" x14ac:dyDescent="0.2">
      <c r="A3" s="1" t="s">
        <v>7</v>
      </c>
      <c r="C3" s="1" t="s">
        <v>8</v>
      </c>
    </row>
    <row r="4" spans="1:10" x14ac:dyDescent="0.2">
      <c r="A4" s="1" t="s">
        <v>34</v>
      </c>
      <c r="B4" s="1" t="s">
        <v>0</v>
      </c>
      <c r="C4" s="1">
        <v>2025</v>
      </c>
      <c r="D4" s="1" t="s">
        <v>12</v>
      </c>
    </row>
    <row r="5" spans="1:10" x14ac:dyDescent="0.2">
      <c r="A5" s="1" t="s">
        <v>35</v>
      </c>
      <c r="B5" s="1" t="s">
        <v>36</v>
      </c>
      <c r="C5" s="4">
        <v>-7.7715611723760958E-14</v>
      </c>
      <c r="D5" s="4">
        <v>-7.7715611723760958E-14</v>
      </c>
    </row>
    <row r="6" spans="1:10" x14ac:dyDescent="0.2">
      <c r="A6" s="1" t="s">
        <v>37</v>
      </c>
      <c r="C6" s="4">
        <v>-7.7715611723760958E-14</v>
      </c>
      <c r="D6" s="4">
        <v>-7.7715611723760958E-14</v>
      </c>
    </row>
    <row r="7" spans="1:10" x14ac:dyDescent="0.2">
      <c r="A7" s="1" t="s">
        <v>38</v>
      </c>
      <c r="B7" s="1" t="s">
        <v>39</v>
      </c>
      <c r="C7" s="4">
        <v>-1.0231815394945443E-12</v>
      </c>
      <c r="D7" s="4">
        <v>-1.0231815394945443E-12</v>
      </c>
    </row>
    <row r="8" spans="1:10" x14ac:dyDescent="0.2">
      <c r="A8" s="1" t="s">
        <v>40</v>
      </c>
      <c r="C8" s="4">
        <v>-1.0231815394945443E-12</v>
      </c>
      <c r="D8" s="4">
        <v>-1.0231815394945443E-12</v>
      </c>
    </row>
    <row r="9" spans="1:10" x14ac:dyDescent="0.2">
      <c r="A9" s="1" t="s">
        <v>41</v>
      </c>
      <c r="B9" s="1" t="s">
        <v>36</v>
      </c>
      <c r="C9" s="4">
        <v>-8.2778228716051672E-13</v>
      </c>
      <c r="D9" s="4">
        <v>-8.2778228716051672E-13</v>
      </c>
    </row>
    <row r="10" spans="1:10" x14ac:dyDescent="0.2">
      <c r="A10" s="1" t="s">
        <v>42</v>
      </c>
      <c r="C10" s="4">
        <v>-8.2778228716051672E-13</v>
      </c>
      <c r="D10" s="4">
        <v>-8.2778228716051672E-13</v>
      </c>
    </row>
    <row r="11" spans="1:10" x14ac:dyDescent="0.2">
      <c r="A11" s="1" t="s">
        <v>43</v>
      </c>
      <c r="B11" s="1" t="s">
        <v>31</v>
      </c>
      <c r="C11" s="4">
        <v>856870.95999999973</v>
      </c>
      <c r="D11" s="4">
        <v>856870.95999999973</v>
      </c>
    </row>
    <row r="12" spans="1:10" x14ac:dyDescent="0.2">
      <c r="A12" s="1" t="s">
        <v>44</v>
      </c>
      <c r="C12" s="4">
        <v>856870.95999999973</v>
      </c>
      <c r="D12" s="4">
        <v>856870.95999999973</v>
      </c>
    </row>
    <row r="13" spans="1:10" x14ac:dyDescent="0.2">
      <c r="A13" s="1" t="s">
        <v>45</v>
      </c>
      <c r="B13" s="1" t="s">
        <v>32</v>
      </c>
      <c r="C13" s="4">
        <v>3.5099999999999967</v>
      </c>
      <c r="D13" s="4">
        <v>3.5099999999999967</v>
      </c>
    </row>
    <row r="14" spans="1:10" x14ac:dyDescent="0.2">
      <c r="B14" s="1" t="s">
        <v>33</v>
      </c>
      <c r="C14" s="4">
        <v>2894.19</v>
      </c>
      <c r="D14" s="4">
        <v>2894.19</v>
      </c>
    </row>
    <row r="15" spans="1:10" x14ac:dyDescent="0.2">
      <c r="A15" s="1" t="s">
        <v>46</v>
      </c>
      <c r="C15" s="4">
        <v>2897.7000000000003</v>
      </c>
      <c r="D15" s="4">
        <v>2897.7000000000003</v>
      </c>
    </row>
    <row r="16" spans="1:10" x14ac:dyDescent="0.2">
      <c r="A16" s="1" t="s">
        <v>47</v>
      </c>
      <c r="B16" s="1" t="s">
        <v>29</v>
      </c>
      <c r="C16" s="4">
        <v>23997093.890000138</v>
      </c>
      <c r="D16" s="4">
        <v>23997093.890000138</v>
      </c>
    </row>
    <row r="17" spans="1:4" x14ac:dyDescent="0.2">
      <c r="A17" s="1" t="s">
        <v>48</v>
      </c>
      <c r="C17" s="4">
        <v>23997093.890000138</v>
      </c>
      <c r="D17" s="4">
        <v>23997093.890000138</v>
      </c>
    </row>
    <row r="18" spans="1:4" x14ac:dyDescent="0.2">
      <c r="A18" s="1" t="s">
        <v>49</v>
      </c>
      <c r="B18" s="1" t="s">
        <v>50</v>
      </c>
      <c r="C18" s="4">
        <v>3466472.4000000008</v>
      </c>
      <c r="D18" s="4">
        <v>3466472.4000000008</v>
      </c>
    </row>
    <row r="19" spans="1:4" x14ac:dyDescent="0.2">
      <c r="B19" s="1" t="s">
        <v>30</v>
      </c>
      <c r="C19" s="4">
        <v>11953420.999999957</v>
      </c>
      <c r="D19" s="4">
        <v>11953420.999999957</v>
      </c>
    </row>
    <row r="20" spans="1:4" x14ac:dyDescent="0.2">
      <c r="A20" s="1" t="s">
        <v>51</v>
      </c>
      <c r="C20" s="4">
        <v>15419893.399999958</v>
      </c>
      <c r="D20" s="4">
        <v>15419893.399999958</v>
      </c>
    </row>
    <row r="21" spans="1:4" x14ac:dyDescent="0.2">
      <c r="A21" s="1" t="s">
        <v>12</v>
      </c>
      <c r="C21" s="4">
        <v>40276755.9500001</v>
      </c>
      <c r="D21" s="4">
        <v>40276755.9500001</v>
      </c>
    </row>
  </sheetData>
  <pageMargins left="0.7" right="0.7" top="0.75" bottom="0.75" header="0.3" footer="0.3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DC7456-7B35-4483-9F04-B355E71A4493}">
  <dimension ref="A1:J18"/>
  <sheetViews>
    <sheetView workbookViewId="0">
      <selection activeCell="D5" sqref="D5"/>
    </sheetView>
  </sheetViews>
  <sheetFormatPr defaultRowHeight="12.75" x14ac:dyDescent="0.2"/>
  <cols>
    <col min="1" max="1" width="15.42578125" style="1" bestFit="1" customWidth="1"/>
    <col min="2" max="2" width="20.5703125" style="1" bestFit="1" customWidth="1"/>
    <col min="3" max="9" width="19.85546875" style="1" bestFit="1" customWidth="1"/>
    <col min="10" max="10" width="16.85546875" style="1" bestFit="1" customWidth="1"/>
    <col min="11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1" spans="1:10" x14ac:dyDescent="0.2">
      <c r="A1" s="1" t="s">
        <v>52</v>
      </c>
      <c r="C1" s="2"/>
      <c r="D1" s="2"/>
      <c r="E1" s="2"/>
      <c r="F1" s="2"/>
      <c r="G1" s="2" t="s">
        <v>2</v>
      </c>
      <c r="H1" s="2" t="s">
        <v>3</v>
      </c>
      <c r="I1" s="2" t="s">
        <v>4</v>
      </c>
      <c r="J1" s="2" t="s">
        <v>4</v>
      </c>
    </row>
    <row r="2" spans="1:10" x14ac:dyDescent="0.2">
      <c r="C2" s="2" t="s">
        <v>5</v>
      </c>
      <c r="D2" s="2" t="s">
        <v>5</v>
      </c>
      <c r="E2" s="2" t="s">
        <v>6</v>
      </c>
      <c r="F2" s="2" t="s">
        <v>6</v>
      </c>
      <c r="G2" s="2" t="s">
        <v>6</v>
      </c>
      <c r="H2" s="2" t="s">
        <v>6</v>
      </c>
      <c r="I2" s="2" t="s">
        <v>6</v>
      </c>
      <c r="J2" s="2" t="s">
        <v>6</v>
      </c>
    </row>
    <row r="3" spans="1:10" ht="15" x14ac:dyDescent="0.25">
      <c r="A3" s="5" t="s">
        <v>7</v>
      </c>
      <c r="B3"/>
      <c r="C3" s="5" t="s">
        <v>8</v>
      </c>
      <c r="D3"/>
      <c r="E3"/>
      <c r="F3"/>
      <c r="G3"/>
      <c r="H3"/>
      <c r="I3"/>
      <c r="J3"/>
    </row>
    <row r="4" spans="1:10" ht="15" x14ac:dyDescent="0.25">
      <c r="A4" s="5" t="s">
        <v>9</v>
      </c>
      <c r="B4" s="5" t="s">
        <v>0</v>
      </c>
      <c r="C4">
        <v>2024</v>
      </c>
      <c r="D4">
        <v>2025</v>
      </c>
      <c r="E4">
        <v>2026</v>
      </c>
      <c r="F4">
        <v>2027</v>
      </c>
      <c r="G4">
        <v>2028</v>
      </c>
      <c r="H4">
        <v>2029</v>
      </c>
      <c r="I4">
        <v>2030</v>
      </c>
      <c r="J4" t="s">
        <v>12</v>
      </c>
    </row>
    <row r="5" spans="1:10" ht="15" x14ac:dyDescent="0.25">
      <c r="A5" t="s">
        <v>13</v>
      </c>
      <c r="B5" t="s">
        <v>29</v>
      </c>
      <c r="C5" s="6">
        <v>3627505.8300000029</v>
      </c>
      <c r="D5" s="6">
        <v>5085800.5800000066</v>
      </c>
      <c r="E5" s="6">
        <v>4498904.2300000032</v>
      </c>
      <c r="F5" s="6">
        <v>4799665.7289999975</v>
      </c>
      <c r="G5" s="6">
        <v>3552537.564916668</v>
      </c>
      <c r="H5" s="6">
        <v>4462916.648</v>
      </c>
      <c r="I5" s="6">
        <v>4577707.3140000002</v>
      </c>
      <c r="J5" s="6">
        <v>30605037.895916674</v>
      </c>
    </row>
    <row r="6" spans="1:10" ht="15" x14ac:dyDescent="0.25">
      <c r="A6"/>
      <c r="B6" t="s">
        <v>30</v>
      </c>
      <c r="C6" s="6">
        <v>3508234.3199999989</v>
      </c>
      <c r="D6" s="6">
        <v>3494649.5100000021</v>
      </c>
      <c r="E6" s="6">
        <v>4660879.7010000031</v>
      </c>
      <c r="F6" s="6">
        <v>3943367.2650000011</v>
      </c>
      <c r="G6" s="6">
        <v>3113358.9858333338</v>
      </c>
      <c r="H6" s="6">
        <v>4005171.5050000004</v>
      </c>
      <c r="I6" s="6">
        <v>4052609.8620000002</v>
      </c>
      <c r="J6" s="6">
        <v>26778271.148833334</v>
      </c>
    </row>
    <row r="7" spans="1:10" ht="15" x14ac:dyDescent="0.25">
      <c r="A7" t="s">
        <v>24</v>
      </c>
      <c r="B7"/>
      <c r="C7" s="6">
        <v>7135740.1500000022</v>
      </c>
      <c r="D7" s="6">
        <v>8580450.0900000092</v>
      </c>
      <c r="E7" s="6">
        <v>9159783.9310000055</v>
      </c>
      <c r="F7" s="6">
        <v>8743032.993999999</v>
      </c>
      <c r="G7" s="6">
        <v>6665896.5507500023</v>
      </c>
      <c r="H7" s="6">
        <v>8468088.1530000009</v>
      </c>
      <c r="I7" s="6">
        <v>8630317.1760000009</v>
      </c>
      <c r="J7" s="6">
        <v>57383309.044750005</v>
      </c>
    </row>
    <row r="8" spans="1:10" ht="15" x14ac:dyDescent="0.25">
      <c r="A8" t="s">
        <v>25</v>
      </c>
      <c r="B8" t="s">
        <v>31</v>
      </c>
      <c r="C8" s="6">
        <v>531068.39999999991</v>
      </c>
      <c r="D8" s="6">
        <v>573940.70000000007</v>
      </c>
      <c r="E8" s="6">
        <v>1056828.321</v>
      </c>
      <c r="F8" s="6">
        <v>821135.83199999994</v>
      </c>
      <c r="G8" s="6">
        <v>836433.77341666666</v>
      </c>
      <c r="H8" s="6">
        <v>839566.99399999995</v>
      </c>
      <c r="I8" s="6">
        <v>817007.26399999997</v>
      </c>
      <c r="J8" s="6">
        <v>5475981.2844166663</v>
      </c>
    </row>
    <row r="9" spans="1:10" ht="15" x14ac:dyDescent="0.25">
      <c r="A9"/>
      <c r="B9" t="s">
        <v>29</v>
      </c>
      <c r="C9" s="6">
        <v>18942000.18000003</v>
      </c>
      <c r="D9" s="6">
        <v>19558477.800000113</v>
      </c>
      <c r="E9" s="6">
        <v>13214981.522000015</v>
      </c>
      <c r="F9" s="6">
        <v>14782190.942000048</v>
      </c>
      <c r="G9" s="6">
        <v>15735038.869916687</v>
      </c>
      <c r="H9" s="6">
        <v>15481437.670999998</v>
      </c>
      <c r="I9" s="6">
        <v>15365504.443999996</v>
      </c>
      <c r="J9" s="6">
        <v>113079631.42891689</v>
      </c>
    </row>
    <row r="10" spans="1:10" ht="15" x14ac:dyDescent="0.25">
      <c r="A10"/>
      <c r="B10" t="s">
        <v>30</v>
      </c>
      <c r="C10" s="6">
        <v>6555416.8299999833</v>
      </c>
      <c r="D10" s="6">
        <v>7044675.3599999966</v>
      </c>
      <c r="E10" s="6">
        <v>8127980.1640000129</v>
      </c>
      <c r="F10" s="6">
        <v>8423170.0470000003</v>
      </c>
      <c r="G10" s="6">
        <v>8585851.5669999942</v>
      </c>
      <c r="H10" s="6">
        <v>8857943.0549999997</v>
      </c>
      <c r="I10" s="6">
        <v>9009603.1119999997</v>
      </c>
      <c r="J10" s="6">
        <v>56604640.13499999</v>
      </c>
    </row>
    <row r="11" spans="1:10" ht="15" x14ac:dyDescent="0.25">
      <c r="A11" t="s">
        <v>26</v>
      </c>
      <c r="B11"/>
      <c r="C11" s="6">
        <v>26028485.410000011</v>
      </c>
      <c r="D11" s="6">
        <v>27177093.860000107</v>
      </c>
      <c r="E11" s="6">
        <v>22399790.007000029</v>
      </c>
      <c r="F11" s="6">
        <v>24026496.821000047</v>
      </c>
      <c r="G11" s="6">
        <v>25157324.210333347</v>
      </c>
      <c r="H11" s="6">
        <v>25178947.719999999</v>
      </c>
      <c r="I11" s="6">
        <v>25192114.819999997</v>
      </c>
      <c r="J11" s="6">
        <v>175160252.84833354</v>
      </c>
    </row>
    <row r="12" spans="1:10" ht="15" x14ac:dyDescent="0.25">
      <c r="A12" t="s">
        <v>27</v>
      </c>
      <c r="B12" t="s">
        <v>31</v>
      </c>
      <c r="C12" s="6">
        <v>274489.84000000003</v>
      </c>
      <c r="D12" s="6">
        <v>282930.26000000018</v>
      </c>
      <c r="E12" s="6">
        <v>1262793.0200000003</v>
      </c>
      <c r="F12" s="6">
        <v>435277.54200000007</v>
      </c>
      <c r="G12" s="6">
        <v>444419.84441666648</v>
      </c>
      <c r="H12" s="6">
        <v>451680.40100000007</v>
      </c>
      <c r="I12" s="6">
        <v>427513.30900000001</v>
      </c>
      <c r="J12" s="6">
        <v>3579104.2164166667</v>
      </c>
    </row>
    <row r="13" spans="1:10" ht="15" x14ac:dyDescent="0.25">
      <c r="A13"/>
      <c r="B13" t="s">
        <v>32</v>
      </c>
      <c r="C13" s="6"/>
      <c r="D13" s="6">
        <v>3.5100000000000025</v>
      </c>
      <c r="E13" s="6">
        <v>-70.161000000000001</v>
      </c>
      <c r="F13" s="6"/>
      <c r="G13" s="6"/>
      <c r="H13" s="6"/>
      <c r="I13" s="6"/>
      <c r="J13" s="6">
        <v>-66.650999999999996</v>
      </c>
    </row>
    <row r="14" spans="1:10" ht="15" x14ac:dyDescent="0.25">
      <c r="A14"/>
      <c r="B14" t="s">
        <v>33</v>
      </c>
      <c r="C14" s="6"/>
      <c r="D14" s="6">
        <v>2894.19</v>
      </c>
      <c r="E14" s="6">
        <v>-1432.6510000000005</v>
      </c>
      <c r="F14" s="6">
        <v>1981.4850000000001</v>
      </c>
      <c r="G14" s="6">
        <v>1946.6333333333337</v>
      </c>
      <c r="H14" s="6">
        <v>1878.4459999999999</v>
      </c>
      <c r="I14" s="6">
        <v>1830.165</v>
      </c>
      <c r="J14" s="6">
        <v>9098.2683333333334</v>
      </c>
    </row>
    <row r="15" spans="1:10" ht="15" x14ac:dyDescent="0.25">
      <c r="A15"/>
      <c r="B15" t="s">
        <v>29</v>
      </c>
      <c r="C15" s="6">
        <v>-87429.550000000061</v>
      </c>
      <c r="D15" s="6">
        <v>-647184.48999999987</v>
      </c>
      <c r="E15" s="6">
        <v>1214319.3410000002</v>
      </c>
      <c r="F15" s="6">
        <v>322650.09499999997</v>
      </c>
      <c r="G15" s="6">
        <v>328323.99358333298</v>
      </c>
      <c r="H15" s="6">
        <v>330003.25599999994</v>
      </c>
      <c r="I15" s="6">
        <v>332684.33600000001</v>
      </c>
      <c r="J15" s="6">
        <v>1793366.9815833336</v>
      </c>
    </row>
    <row r="16" spans="1:10" ht="15" x14ac:dyDescent="0.25">
      <c r="A16"/>
      <c r="B16" t="s">
        <v>30</v>
      </c>
      <c r="C16" s="6">
        <v>2262902.0400000052</v>
      </c>
      <c r="D16" s="6">
        <v>1414096.1300000062</v>
      </c>
      <c r="E16" s="6">
        <v>1623900.2660000001</v>
      </c>
      <c r="F16" s="6">
        <v>1841156.4120000014</v>
      </c>
      <c r="G16" s="6">
        <v>1718095.5008333346</v>
      </c>
      <c r="H16" s="6">
        <v>1486488.3199999991</v>
      </c>
      <c r="I16" s="6">
        <v>1523377.0580000002</v>
      </c>
      <c r="J16" s="6">
        <v>11870015.726833345</v>
      </c>
    </row>
    <row r="17" spans="1:10" ht="15" x14ac:dyDescent="0.25">
      <c r="A17" t="s">
        <v>28</v>
      </c>
      <c r="B17"/>
      <c r="C17" s="6">
        <v>2449962.3300000052</v>
      </c>
      <c r="D17" s="6">
        <v>1052739.6000000066</v>
      </c>
      <c r="E17" s="6">
        <v>4099509.8150000004</v>
      </c>
      <c r="F17" s="6">
        <v>2601065.5340000014</v>
      </c>
      <c r="G17" s="6">
        <v>2492785.9721666677</v>
      </c>
      <c r="H17" s="6">
        <v>2270050.422999999</v>
      </c>
      <c r="I17" s="6">
        <v>2285404.8680000002</v>
      </c>
      <c r="J17" s="6">
        <v>17251518.54216668</v>
      </c>
    </row>
    <row r="18" spans="1:10" ht="15" x14ac:dyDescent="0.25">
      <c r="A18" t="s">
        <v>12</v>
      </c>
      <c r="B18"/>
      <c r="C18" s="6">
        <v>35614187.890000023</v>
      </c>
      <c r="D18" s="6">
        <v>36810283.550000116</v>
      </c>
      <c r="E18" s="6">
        <v>35659083.753000036</v>
      </c>
      <c r="F18" s="6">
        <v>35370595.349000052</v>
      </c>
      <c r="G18" s="6">
        <v>34316006.733250014</v>
      </c>
      <c r="H18" s="6">
        <v>35917086.295999996</v>
      </c>
      <c r="I18" s="6">
        <v>36107836.863999993</v>
      </c>
      <c r="J18" s="6">
        <v>249795080.43525022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1186AC-9E4C-475E-9DD8-DC66EDFCA300}">
  <dimension ref="A1:K33"/>
  <sheetViews>
    <sheetView tabSelected="1" workbookViewId="0">
      <selection activeCell="E37" sqref="E37"/>
    </sheetView>
  </sheetViews>
  <sheetFormatPr defaultRowHeight="12.75" x14ac:dyDescent="0.2"/>
  <cols>
    <col min="1" max="1" width="18" style="1" customWidth="1"/>
    <col min="2" max="2" width="16.28515625" style="1" bestFit="1" customWidth="1"/>
    <col min="3" max="3" width="13.42578125" style="1" bestFit="1" customWidth="1"/>
    <col min="4" max="10" width="23.42578125" style="1" bestFit="1" customWidth="1"/>
    <col min="11" max="13" width="17.28515625" style="1" bestFit="1" customWidth="1"/>
    <col min="14" max="18" width="18.85546875" style="1" bestFit="1" customWidth="1"/>
    <col min="19" max="19" width="18.28515625" style="1" bestFit="1" customWidth="1"/>
    <col min="20" max="31" width="16.140625" style="1" bestFit="1" customWidth="1"/>
    <col min="32" max="32" width="10.7109375" style="1" bestFit="1" customWidth="1"/>
    <col min="33" max="44" width="16.140625" style="1" bestFit="1" customWidth="1"/>
    <col min="45" max="45" width="10.7109375" style="1" bestFit="1" customWidth="1"/>
    <col min="46" max="57" width="16.140625" style="1" bestFit="1" customWidth="1"/>
    <col min="58" max="58" width="10.7109375" style="1" bestFit="1" customWidth="1"/>
    <col min="59" max="66" width="16" style="1" bestFit="1" customWidth="1"/>
    <col min="67" max="67" width="10.7109375" style="1" bestFit="1" customWidth="1"/>
    <col min="68" max="68" width="15.42578125" style="1" bestFit="1" customWidth="1"/>
    <col min="69" max="69" width="10.7109375" style="1" bestFit="1" customWidth="1"/>
    <col min="70" max="70" width="15.42578125" style="1" bestFit="1" customWidth="1"/>
    <col min="71" max="71" width="10.7109375" style="1" bestFit="1" customWidth="1"/>
    <col min="72" max="72" width="11.5703125" style="1" bestFit="1" customWidth="1"/>
    <col min="73" max="16384" width="9.140625" style="1"/>
  </cols>
  <sheetData>
    <row r="1" spans="1:11" x14ac:dyDescent="0.2">
      <c r="A1" s="1" t="s">
        <v>0</v>
      </c>
      <c r="B1" s="1" t="s">
        <v>1</v>
      </c>
      <c r="C1" s="1" t="s">
        <v>52</v>
      </c>
      <c r="D1" s="2"/>
      <c r="E1" s="2"/>
      <c r="F1" s="2"/>
      <c r="G1" s="2"/>
      <c r="H1" s="2" t="s">
        <v>2</v>
      </c>
      <c r="I1" s="2" t="s">
        <v>3</v>
      </c>
      <c r="J1" s="2" t="s">
        <v>4</v>
      </c>
      <c r="K1" s="2" t="s">
        <v>4</v>
      </c>
    </row>
    <row r="2" spans="1:11" x14ac:dyDescent="0.2">
      <c r="D2" s="2" t="s">
        <v>5</v>
      </c>
      <c r="E2" s="2" t="s">
        <v>5</v>
      </c>
      <c r="F2" s="2" t="s">
        <v>6</v>
      </c>
      <c r="G2" s="2" t="s">
        <v>6</v>
      </c>
      <c r="H2" s="2" t="s">
        <v>6</v>
      </c>
      <c r="I2" s="2" t="s">
        <v>6</v>
      </c>
      <c r="J2" s="2" t="s">
        <v>6</v>
      </c>
      <c r="K2" s="2" t="s">
        <v>6</v>
      </c>
    </row>
    <row r="3" spans="1:11" x14ac:dyDescent="0.2">
      <c r="A3" s="1" t="s">
        <v>7</v>
      </c>
      <c r="D3" s="1" t="s">
        <v>8</v>
      </c>
    </row>
    <row r="4" spans="1:11" x14ac:dyDescent="0.2">
      <c r="A4" s="1" t="s">
        <v>9</v>
      </c>
      <c r="B4" s="1" t="s">
        <v>10</v>
      </c>
      <c r="C4" s="1" t="s">
        <v>11</v>
      </c>
      <c r="D4" s="1">
        <v>2024</v>
      </c>
      <c r="E4" s="1">
        <v>2025</v>
      </c>
      <c r="F4" s="1">
        <v>2026</v>
      </c>
      <c r="G4" s="1">
        <v>2027</v>
      </c>
      <c r="H4" s="1">
        <v>2028</v>
      </c>
      <c r="I4" s="1">
        <v>2029</v>
      </c>
      <c r="J4" s="1">
        <v>2030</v>
      </c>
      <c r="K4" s="1" t="s">
        <v>12</v>
      </c>
    </row>
    <row r="5" spans="1:11" x14ac:dyDescent="0.2">
      <c r="A5" s="1" t="s">
        <v>13</v>
      </c>
      <c r="B5" s="1" t="s">
        <v>14</v>
      </c>
      <c r="D5" s="3">
        <v>2735082.2400000016</v>
      </c>
      <c r="E5" s="3">
        <v>2733382.6899999981</v>
      </c>
      <c r="F5" s="3">
        <v>2439241.1109999986</v>
      </c>
      <c r="G5" s="3">
        <v>2746541.2889999994</v>
      </c>
      <c r="H5" s="3">
        <v>2828765.9921666658</v>
      </c>
      <c r="I5" s="3">
        <v>2934773.34</v>
      </c>
      <c r="J5" s="3">
        <v>3005958.5300000003</v>
      </c>
      <c r="K5" s="3">
        <v>19423745.192166664</v>
      </c>
    </row>
    <row r="6" spans="1:11" x14ac:dyDescent="0.2">
      <c r="B6" s="1" t="s">
        <v>15</v>
      </c>
      <c r="C6" s="1" t="s">
        <v>16</v>
      </c>
      <c r="D6" s="3">
        <v>2722130.8299999987</v>
      </c>
      <c r="E6" s="3">
        <v>2836599.2300000042</v>
      </c>
      <c r="F6" s="3">
        <v>4548073.4260000046</v>
      </c>
      <c r="G6" s="3">
        <v>3388309.8050000006</v>
      </c>
      <c r="H6" s="3">
        <v>2004577.4152500003</v>
      </c>
      <c r="I6" s="3">
        <v>3290451.773</v>
      </c>
      <c r="J6" s="3">
        <v>3252793.6860000002</v>
      </c>
      <c r="K6" s="3">
        <v>22042936.165250007</v>
      </c>
    </row>
    <row r="7" spans="1:11" x14ac:dyDescent="0.2">
      <c r="C7" s="1" t="s">
        <v>17</v>
      </c>
      <c r="D7" s="3"/>
      <c r="E7" s="3">
        <v>0</v>
      </c>
      <c r="F7" s="3">
        <v>-90584.286000000051</v>
      </c>
      <c r="G7" s="3"/>
      <c r="H7" s="3"/>
      <c r="I7" s="3"/>
      <c r="J7" s="3"/>
      <c r="K7" s="3">
        <v>-90584.286000000051</v>
      </c>
    </row>
    <row r="8" spans="1:11" x14ac:dyDescent="0.2">
      <c r="C8" s="1" t="s">
        <v>18</v>
      </c>
      <c r="D8" s="3">
        <v>1743.7</v>
      </c>
      <c r="E8" s="3">
        <v>4823.66</v>
      </c>
      <c r="F8" s="3"/>
      <c r="G8" s="3"/>
      <c r="H8" s="3"/>
      <c r="I8" s="3"/>
      <c r="J8" s="3"/>
      <c r="K8" s="3">
        <v>6567.36</v>
      </c>
    </row>
    <row r="9" spans="1:11" x14ac:dyDescent="0.2">
      <c r="C9" s="1" t="s">
        <v>19</v>
      </c>
      <c r="D9" s="3">
        <v>1141161.4999999979</v>
      </c>
      <c r="E9" s="3">
        <v>1282245.8499999996</v>
      </c>
      <c r="F9" s="3">
        <v>1376220.3450000007</v>
      </c>
      <c r="G9" s="3">
        <v>911079.99599999981</v>
      </c>
      <c r="H9" s="3">
        <v>461616.66433333332</v>
      </c>
      <c r="I9" s="3">
        <v>927080.04</v>
      </c>
      <c r="J9" s="3">
        <v>932079.96</v>
      </c>
      <c r="K9" s="3">
        <v>7031484.355333331</v>
      </c>
    </row>
    <row r="10" spans="1:11" x14ac:dyDescent="0.2">
      <c r="C10" s="1" t="s">
        <v>20</v>
      </c>
      <c r="D10" s="3">
        <v>185748.17000000007</v>
      </c>
      <c r="E10" s="3">
        <v>91287.89</v>
      </c>
      <c r="F10" s="3">
        <v>0</v>
      </c>
      <c r="G10" s="3"/>
      <c r="H10" s="3"/>
      <c r="I10" s="3"/>
      <c r="J10" s="3"/>
      <c r="K10" s="3">
        <v>277036.06000000006</v>
      </c>
    </row>
    <row r="11" spans="1:11" x14ac:dyDescent="0.2">
      <c r="C11" s="1" t="s">
        <v>21</v>
      </c>
      <c r="D11" s="3">
        <v>38703.510000000009</v>
      </c>
      <c r="E11" s="3">
        <v>59653.729999999989</v>
      </c>
      <c r="F11" s="3"/>
      <c r="G11" s="3"/>
      <c r="H11" s="3"/>
      <c r="I11" s="3"/>
      <c r="J11" s="3"/>
      <c r="K11" s="3">
        <v>98357.239999999991</v>
      </c>
    </row>
    <row r="12" spans="1:11" x14ac:dyDescent="0.2">
      <c r="C12" s="1" t="s">
        <v>22</v>
      </c>
      <c r="D12" s="3">
        <v>311170.20000000007</v>
      </c>
      <c r="E12" s="3">
        <v>1572457.0399999989</v>
      </c>
      <c r="F12" s="3">
        <v>886833.33499999996</v>
      </c>
      <c r="G12" s="3">
        <v>1697101.9039999996</v>
      </c>
      <c r="H12" s="3">
        <v>1370936.4789999998</v>
      </c>
      <c r="I12" s="3">
        <v>1315783</v>
      </c>
      <c r="J12" s="3">
        <v>1439485</v>
      </c>
      <c r="K12" s="3">
        <v>8593766.9579999987</v>
      </c>
    </row>
    <row r="13" spans="1:11" x14ac:dyDescent="0.2">
      <c r="B13" s="1" t="s">
        <v>23</v>
      </c>
      <c r="D13" s="3">
        <v>4400657.9099999964</v>
      </c>
      <c r="E13" s="3">
        <v>5847067.4000000032</v>
      </c>
      <c r="F13" s="3">
        <v>6720542.820000005</v>
      </c>
      <c r="G13" s="3">
        <v>5996491.7050000001</v>
      </c>
      <c r="H13" s="3">
        <v>3837130.5585833336</v>
      </c>
      <c r="I13" s="3">
        <v>5533314.8130000001</v>
      </c>
      <c r="J13" s="3">
        <v>5624358.6459999997</v>
      </c>
      <c r="K13" s="3">
        <v>37959563.852583334</v>
      </c>
    </row>
    <row r="14" spans="1:11" x14ac:dyDescent="0.2">
      <c r="A14" s="1" t="s">
        <v>24</v>
      </c>
      <c r="D14" s="3">
        <v>7135740.1499999985</v>
      </c>
      <c r="E14" s="3">
        <v>8580450.0899999999</v>
      </c>
      <c r="F14" s="3">
        <v>9159783.9310000036</v>
      </c>
      <c r="G14" s="3">
        <v>8743032.993999999</v>
      </c>
      <c r="H14" s="3">
        <v>6665896.5507499985</v>
      </c>
      <c r="I14" s="3">
        <v>8468088.1530000009</v>
      </c>
      <c r="J14" s="3">
        <v>8630317.175999999</v>
      </c>
      <c r="K14" s="3">
        <v>57383309.044750005</v>
      </c>
    </row>
    <row r="15" spans="1:11" x14ac:dyDescent="0.2">
      <c r="A15" s="1" t="s">
        <v>25</v>
      </c>
      <c r="B15" s="1" t="s">
        <v>14</v>
      </c>
      <c r="D15" s="3">
        <v>6609867.1399999885</v>
      </c>
      <c r="E15" s="3">
        <v>6260457.149999992</v>
      </c>
      <c r="F15" s="3">
        <v>8922272.8410000019</v>
      </c>
      <c r="G15" s="3">
        <v>8325759.4680000003</v>
      </c>
      <c r="H15" s="3">
        <v>8601075.0324166641</v>
      </c>
      <c r="I15" s="3">
        <v>8932540.3790000007</v>
      </c>
      <c r="J15" s="3">
        <v>9165390.5859999992</v>
      </c>
      <c r="K15" s="3">
        <v>56817362.596416652</v>
      </c>
    </row>
    <row r="16" spans="1:11" x14ac:dyDescent="0.2">
      <c r="B16" s="1" t="s">
        <v>15</v>
      </c>
      <c r="C16" s="1" t="s">
        <v>16</v>
      </c>
      <c r="D16" s="3">
        <v>6695234.6499999864</v>
      </c>
      <c r="E16" s="3">
        <v>6681633.160000016</v>
      </c>
      <c r="F16" s="3">
        <v>8474338.9579999894</v>
      </c>
      <c r="G16" s="3">
        <v>8642122.950000003</v>
      </c>
      <c r="H16" s="3">
        <v>8702428.8478333354</v>
      </c>
      <c r="I16" s="3">
        <v>8859207.935999997</v>
      </c>
      <c r="J16" s="3">
        <v>8868179.4799999986</v>
      </c>
      <c r="K16" s="3">
        <v>56923145.981833324</v>
      </c>
    </row>
    <row r="17" spans="1:11" x14ac:dyDescent="0.2">
      <c r="C17" s="1" t="s">
        <v>17</v>
      </c>
      <c r="D17" s="3">
        <v>325773.17</v>
      </c>
      <c r="E17" s="3">
        <v>-1684.2400000000002</v>
      </c>
      <c r="F17" s="3">
        <v>-1592186.3759999999</v>
      </c>
      <c r="G17" s="3"/>
      <c r="H17" s="3"/>
      <c r="I17" s="3"/>
      <c r="J17" s="3"/>
      <c r="K17" s="3">
        <v>-1268097.446</v>
      </c>
    </row>
    <row r="18" spans="1:11" x14ac:dyDescent="0.2">
      <c r="C18" s="1" t="s">
        <v>18</v>
      </c>
      <c r="D18" s="3">
        <v>1914199.9499999997</v>
      </c>
      <c r="E18" s="3">
        <v>1436116.7099999969</v>
      </c>
      <c r="F18" s="3">
        <v>808393.44499999995</v>
      </c>
      <c r="G18" s="3">
        <v>1898893.9189999998</v>
      </c>
      <c r="H18" s="3">
        <v>1920181.9583333335</v>
      </c>
      <c r="I18" s="3">
        <v>1932087.5</v>
      </c>
      <c r="J18" s="3">
        <v>1937231</v>
      </c>
      <c r="K18" s="3">
        <v>11847104.48233333</v>
      </c>
    </row>
    <row r="19" spans="1:11" x14ac:dyDescent="0.2">
      <c r="C19" s="1" t="s">
        <v>19</v>
      </c>
      <c r="D19" s="3">
        <v>2948265.4199999869</v>
      </c>
      <c r="E19" s="3">
        <v>6435049.8700000299</v>
      </c>
      <c r="F19" s="3">
        <v>2890859.688999997</v>
      </c>
      <c r="G19" s="3">
        <v>3440908.3369999984</v>
      </c>
      <c r="H19" s="3">
        <v>3586623.6489999997</v>
      </c>
      <c r="I19" s="3">
        <v>3151112.04</v>
      </c>
      <c r="J19" s="3">
        <v>3073612.06</v>
      </c>
      <c r="K19" s="3">
        <v>25526431.065000013</v>
      </c>
    </row>
    <row r="20" spans="1:11" x14ac:dyDescent="0.2">
      <c r="C20" s="1" t="s">
        <v>21</v>
      </c>
      <c r="D20" s="3">
        <v>50529.150000000016</v>
      </c>
      <c r="E20" s="3">
        <v>35432.969999999994</v>
      </c>
      <c r="F20" s="3">
        <v>-740081.94099999999</v>
      </c>
      <c r="G20" s="3">
        <v>-725521.17699999991</v>
      </c>
      <c r="H20" s="3">
        <v>-724610.3165833333</v>
      </c>
      <c r="I20" s="3">
        <v>-721500.15500000003</v>
      </c>
      <c r="J20" s="3">
        <v>-720798.326</v>
      </c>
      <c r="K20" s="3">
        <v>-3546549.7955833334</v>
      </c>
    </row>
    <row r="21" spans="1:11" x14ac:dyDescent="0.2">
      <c r="C21" s="1" t="s">
        <v>22</v>
      </c>
      <c r="D21" s="3">
        <v>7484615.9300000016</v>
      </c>
      <c r="E21" s="3">
        <v>6330088.2399999965</v>
      </c>
      <c r="F21" s="3">
        <v>3636193.3910000003</v>
      </c>
      <c r="G21" s="3">
        <v>2444333.324</v>
      </c>
      <c r="H21" s="3">
        <v>3071625.0393333319</v>
      </c>
      <c r="I21" s="3">
        <v>3025500.02</v>
      </c>
      <c r="J21" s="3">
        <v>2868500.02</v>
      </c>
      <c r="K21" s="3">
        <v>28860855.964333329</v>
      </c>
    </row>
    <row r="22" spans="1:11" x14ac:dyDescent="0.2">
      <c r="B22" s="1" t="s">
        <v>23</v>
      </c>
      <c r="D22" s="3">
        <v>19418618.269999973</v>
      </c>
      <c r="E22" s="3">
        <v>20916636.710000038</v>
      </c>
      <c r="F22" s="3">
        <v>13477517.165999988</v>
      </c>
      <c r="G22" s="3">
        <v>15700737.353</v>
      </c>
      <c r="H22" s="3">
        <v>16556249.177916668</v>
      </c>
      <c r="I22" s="3">
        <v>16246407.340999996</v>
      </c>
      <c r="J22" s="3">
        <v>16026724.233999999</v>
      </c>
      <c r="K22" s="3">
        <v>118342890.25191665</v>
      </c>
    </row>
    <row r="23" spans="1:11" x14ac:dyDescent="0.2">
      <c r="A23" s="1" t="s">
        <v>26</v>
      </c>
      <c r="D23" s="3">
        <v>26028485.409999959</v>
      </c>
      <c r="E23" s="3">
        <v>27177093.860000029</v>
      </c>
      <c r="F23" s="3">
        <v>22399790.006999988</v>
      </c>
      <c r="G23" s="3">
        <v>24026496.821000002</v>
      </c>
      <c r="H23" s="3">
        <v>25157324.210333332</v>
      </c>
      <c r="I23" s="3">
        <v>25178947.719999995</v>
      </c>
      <c r="J23" s="3">
        <v>25192114.819999997</v>
      </c>
      <c r="K23" s="3">
        <v>175160252.8483333</v>
      </c>
    </row>
    <row r="24" spans="1:11" x14ac:dyDescent="0.2">
      <c r="A24" s="1" t="s">
        <v>27</v>
      </c>
      <c r="B24" s="1" t="s">
        <v>14</v>
      </c>
      <c r="D24" s="3">
        <v>126259.43999999994</v>
      </c>
      <c r="E24" s="3">
        <v>117021.01000000005</v>
      </c>
      <c r="F24" s="3">
        <v>297603.9529999998</v>
      </c>
      <c r="G24" s="3">
        <v>253552.53000000003</v>
      </c>
      <c r="H24" s="3">
        <v>255524.00708333345</v>
      </c>
      <c r="I24" s="3">
        <v>266357.03499999997</v>
      </c>
      <c r="J24" s="3">
        <v>272869.15299999999</v>
      </c>
      <c r="K24" s="3">
        <v>1589187.1280833331</v>
      </c>
    </row>
    <row r="25" spans="1:11" x14ac:dyDescent="0.2">
      <c r="B25" s="1" t="s">
        <v>15</v>
      </c>
      <c r="C25" s="1" t="s">
        <v>16</v>
      </c>
      <c r="D25" s="3">
        <v>2037594.4400000041</v>
      </c>
      <c r="E25" s="3">
        <v>1259054.860000002</v>
      </c>
      <c r="F25" s="3">
        <v>2681923.3210000014</v>
      </c>
      <c r="G25" s="3">
        <v>1865034.6020000007</v>
      </c>
      <c r="H25" s="3">
        <v>1879838.337083335</v>
      </c>
      <c r="I25" s="3">
        <v>1948222.5289999996</v>
      </c>
      <c r="J25" s="3">
        <v>1989420.3570000003</v>
      </c>
      <c r="K25" s="3">
        <v>13661088.446083345</v>
      </c>
    </row>
    <row r="26" spans="1:11" x14ac:dyDescent="0.2">
      <c r="C26" s="1" t="s">
        <v>17</v>
      </c>
      <c r="D26" s="3">
        <v>123185.89000000001</v>
      </c>
      <c r="E26" s="3">
        <v>8652.2000000000189</v>
      </c>
      <c r="F26" s="3">
        <v>76080.112000000008</v>
      </c>
      <c r="G26" s="3">
        <v>32695.381999999998</v>
      </c>
      <c r="H26" s="3">
        <v>32410.350083333331</v>
      </c>
      <c r="I26" s="3">
        <v>33959.634000000005</v>
      </c>
      <c r="J26" s="3"/>
      <c r="K26" s="3">
        <v>306983.56808333338</v>
      </c>
    </row>
    <row r="27" spans="1:11" x14ac:dyDescent="0.2">
      <c r="C27" s="1" t="s">
        <v>18</v>
      </c>
      <c r="D27" s="3">
        <v>0</v>
      </c>
      <c r="E27" s="3">
        <v>0</v>
      </c>
      <c r="F27" s="3">
        <v>973125.9879999999</v>
      </c>
      <c r="G27" s="3">
        <v>417192.43999999994</v>
      </c>
      <c r="H27" s="3">
        <v>292192.44</v>
      </c>
      <c r="I27" s="3">
        <v>-7807.56</v>
      </c>
      <c r="J27" s="3">
        <v>-7807.56</v>
      </c>
      <c r="K27" s="3">
        <v>1666895.7479999997</v>
      </c>
    </row>
    <row r="28" spans="1:11" x14ac:dyDescent="0.2">
      <c r="C28" s="1" t="s">
        <v>19</v>
      </c>
      <c r="D28" s="3">
        <v>148002.79000000007</v>
      </c>
      <c r="E28" s="3">
        <v>167047.00999999998</v>
      </c>
      <c r="F28" s="3">
        <v>-13667.053000000018</v>
      </c>
      <c r="G28" s="3">
        <v>-20111.340999999989</v>
      </c>
      <c r="H28" s="3">
        <v>-21975.540000000008</v>
      </c>
      <c r="I28" s="3">
        <v>-26664.163</v>
      </c>
      <c r="J28" s="3">
        <v>-26633.134000000005</v>
      </c>
      <c r="K28" s="3">
        <v>205998.56900000002</v>
      </c>
    </row>
    <row r="29" spans="1:11" x14ac:dyDescent="0.2">
      <c r="C29" s="1" t="s">
        <v>21</v>
      </c>
      <c r="D29" s="3">
        <v>14919.769999999909</v>
      </c>
      <c r="E29" s="3">
        <v>-499035.47999999946</v>
      </c>
      <c r="F29" s="3">
        <v>84443.493999999933</v>
      </c>
      <c r="G29" s="3">
        <v>52701.92099999998</v>
      </c>
      <c r="H29" s="3">
        <v>54796.377916666672</v>
      </c>
      <c r="I29" s="3">
        <v>55982.947999999997</v>
      </c>
      <c r="J29" s="3">
        <v>57556.052000000003</v>
      </c>
      <c r="K29" s="3">
        <v>-178634.91708333296</v>
      </c>
    </row>
    <row r="30" spans="1:11" x14ac:dyDescent="0.2">
      <c r="C30" s="1" t="s">
        <v>22</v>
      </c>
      <c r="D30" s="3">
        <v>0</v>
      </c>
      <c r="E30" s="3"/>
      <c r="F30" s="3"/>
      <c r="G30" s="3"/>
      <c r="H30" s="3"/>
      <c r="I30" s="3"/>
      <c r="J30" s="3"/>
      <c r="K30" s="3">
        <v>0</v>
      </c>
    </row>
    <row r="31" spans="1:11" x14ac:dyDescent="0.2">
      <c r="B31" s="1" t="s">
        <v>23</v>
      </c>
      <c r="D31" s="3">
        <v>2323702.8900000043</v>
      </c>
      <c r="E31" s="3">
        <v>935718.59000000241</v>
      </c>
      <c r="F31" s="3">
        <v>3801905.8620000016</v>
      </c>
      <c r="G31" s="3">
        <v>2347513.0040000007</v>
      </c>
      <c r="H31" s="3">
        <v>2237261.9650833351</v>
      </c>
      <c r="I31" s="3">
        <v>2003693.3879999998</v>
      </c>
      <c r="J31" s="3">
        <v>2012535.7150000001</v>
      </c>
      <c r="K31" s="3">
        <v>15662331.414083345</v>
      </c>
    </row>
    <row r="32" spans="1:11" x14ac:dyDescent="0.2">
      <c r="A32" s="1" t="s">
        <v>28</v>
      </c>
      <c r="D32" s="3">
        <v>2449962.3300000043</v>
      </c>
      <c r="E32" s="3">
        <v>1052739.6000000024</v>
      </c>
      <c r="F32" s="3">
        <v>4099509.8150000013</v>
      </c>
      <c r="G32" s="3">
        <v>2601065.5340000009</v>
      </c>
      <c r="H32" s="3">
        <v>2492785.9721666686</v>
      </c>
      <c r="I32" s="3">
        <v>2270050.4229999995</v>
      </c>
      <c r="J32" s="3">
        <v>2285404.8680000002</v>
      </c>
      <c r="K32" s="3">
        <v>17251518.542166676</v>
      </c>
    </row>
    <row r="33" spans="1:11" x14ac:dyDescent="0.2">
      <c r="A33" s="1" t="s">
        <v>12</v>
      </c>
      <c r="D33" s="3">
        <v>35614187.889999971</v>
      </c>
      <c r="E33" s="3">
        <v>36810283.550000034</v>
      </c>
      <c r="F33" s="3">
        <v>35659083.752999999</v>
      </c>
      <c r="G33" s="3">
        <v>35370595.348999992</v>
      </c>
      <c r="H33" s="3">
        <v>34316006.73325</v>
      </c>
      <c r="I33" s="3">
        <v>35917086.295999989</v>
      </c>
      <c r="J33" s="3">
        <v>36107836.863999993</v>
      </c>
      <c r="K33" s="3">
        <v>249795080.43524995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2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DE5OTU8L1VzZXJOYW1lPjxEYXRlVGltZT43LzIvMjAyNSAxOjU3OjE2IFBNPC9EYXRlVGltZT48TGFiZWxTdHJpbmc+VW5jYXRlZ29yaXplZDwvTGFiZWxTdHJpbmc+PC9pdGVtPjwvbGFiZWxIaXN0b3J5Pg==</Value>
</WrappedLabelHistory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CEA69CA6-C49A-40D5-A752-051CEB1B3B60}">
  <ds:schemaRefs>
    <ds:schemaRef ds:uri="http://schemas.microsoft.com/office/infopath/2007/PartnerControls"/>
    <ds:schemaRef ds:uri="http://purl.org/dc/dcmitype/"/>
    <ds:schemaRef ds:uri="f88ffb1c-9230-4705-a789-27bae69f5829"/>
    <ds:schemaRef ds:uri="http://schemas.openxmlformats.org/package/2006/metadata/core-properties"/>
    <ds:schemaRef ds:uri="http://purl.org/dc/elements/1.1/"/>
    <ds:schemaRef ds:uri="http://schemas.microsoft.com/office/2006/documentManagement/types"/>
    <ds:schemaRef ds:uri="http://www.w3.org/XML/1998/namespace"/>
    <ds:schemaRef ds:uri="b6888f76-1100-40b0-929b-1efe9044426d"/>
    <ds:schemaRef ds:uri="http://schemas.microsoft.com/office/2006/metadata/properties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4D13DE8F-AC07-476C-A43F-E0CE48D391B0}">
  <ds:schemaRefs>
    <ds:schemaRef ds:uri="http://www.w3.org/2001/XMLSchema"/>
    <ds:schemaRef ds:uri="http://www.boldonjames.com/2016/02/Classifier/internal/wrappedLabelHistory"/>
  </ds:schemaRefs>
</ds:datastoreItem>
</file>

<file path=customXml/itemProps3.xml><?xml version="1.0" encoding="utf-8"?>
<ds:datastoreItem xmlns:ds="http://schemas.openxmlformats.org/officeDocument/2006/customXml" ds:itemID="{F6DAA1E1-77ED-4890-8EFB-3818EF23153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88ffb1c-9230-4705-a789-27bae69f5829"/>
    <ds:schemaRef ds:uri="b6888f76-1100-40b0-929b-1efe9044426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7581D942-8F67-4D31-A4A6-47C91478DA21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89343130-A654-45C4-AD1B-89A12797E2F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RAJ-2</vt:lpstr>
      <vt:lpstr>Non-Labor RAJ-2 Pivot</vt:lpstr>
      <vt:lpstr>Other Power Supply Pivot</vt:lpstr>
      <vt:lpstr>Pivot Renewable Accts</vt:lpstr>
      <vt:lpstr>Pivot Dashboard Compare</vt:lpstr>
      <vt:lpstr>Plant Pivot by Acct Grp</vt:lpstr>
      <vt:lpstr>Plant Pivot by Prj Type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rank J Zeroski</dc:creator>
  <cp:lastModifiedBy>Bob Jessee</cp:lastModifiedBy>
  <dcterms:created xsi:type="dcterms:W3CDTF">2025-07-02T13:54:19Z</dcterms:created>
  <dcterms:modified xsi:type="dcterms:W3CDTF">2025-08-12T12:11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6bf275c-f057-48d8-8a7f-288709a806aa</vt:lpwstr>
  </property>
  <property fmtid="{D5CDD505-2E9C-101B-9397-08002B2CF9AE}" pid="3" name="bjClsUserRVM">
    <vt:lpwstr>[]</vt:lpwstr>
  </property>
  <property fmtid="{D5CDD505-2E9C-101B-9397-08002B2CF9AE}" pid="4" name="bjSaver">
    <vt:lpwstr>AOGNlYsVpE6KdR79O+GDMR6SrUFdIiwb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4D13DE8F-AC07-476C-A43F-E0CE48D391B0}</vt:lpwstr>
  </property>
  <property fmtid="{D5CDD505-2E9C-101B-9397-08002B2CF9AE}" pid="12" name="ContentTypeId">
    <vt:lpwstr>0x0101004DF805D1E1DA4A49A223477D3B105720</vt:lpwstr>
  </property>
  <property fmtid="{D5CDD505-2E9C-101B-9397-08002B2CF9AE}" pid="13" name="MediaServiceImageTags">
    <vt:lpwstr/>
  </property>
</Properties>
</file>